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6"/>
    <p:sldMasterId id="2147483694" r:id="rId37"/>
  </p:sldMasterIdLst>
  <p:notesMasterIdLst>
    <p:notesMasterId r:id="rId45"/>
  </p:notesMasterIdLst>
  <p:sldIdLst>
    <p:sldId id="257" r:id="rId38"/>
    <p:sldId id="259" r:id="rId39"/>
    <p:sldId id="292" r:id="rId40"/>
    <p:sldId id="261" r:id="rId41"/>
    <p:sldId id="262" r:id="rId42"/>
    <p:sldId id="263" r:id="rId43"/>
    <p:sldId id="264" r:id="rId4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DACB6D5-F2BB-440E-ACD9-579DF85845E7}" v="1" dt="2025-10-09T11:17:24.05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6320" autoAdjust="0"/>
  </p:normalViewPr>
  <p:slideViewPr>
    <p:cSldViewPr snapToGrid="0" showGuides="1">
      <p:cViewPr varScale="1">
        <p:scale>
          <a:sx n="102" d="100"/>
          <a:sy n="102" d="100"/>
        </p:scale>
        <p:origin x="696" y="114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2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5.xml"/><Relationship Id="rId47" Type="http://schemas.openxmlformats.org/officeDocument/2006/relationships/viewProps" Target="viewProps.xml"/><Relationship Id="rId50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Master" Target="slideMasters/slideMaster2.xml"/><Relationship Id="rId40" Type="http://schemas.openxmlformats.org/officeDocument/2006/relationships/slide" Target="slides/slide3.xml"/><Relationship Id="rId45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Master" Target="slideMasters/slideMaster1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6.xml"/><Relationship Id="rId48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1.xml"/><Relationship Id="rId46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1/10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i="1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655648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hyperlink" Target="http://www.sdu.dk/da/sdutakeover" TargetMode="Externa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hyperlink" Target="http://www.sdu.dk/da/sdutakeover" TargetMode="Externa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Relationship Id="rId4" Type="http://schemas.openxmlformats.org/officeDocument/2006/relationships/hyperlink" Target="http://www.sdu.dk/da/sdutakeover" TargetMode="Externa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4" Type="http://schemas.openxmlformats.org/officeDocument/2006/relationships/hyperlink" Target="http://www.sdu.dk/da/sdutakeover" TargetMode="Externa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4" Type="http://schemas.openxmlformats.org/officeDocument/2006/relationships/hyperlink" Target="http://www.sdu.dk/da/sdutakeover" TargetMode="Externa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4" Type="http://schemas.openxmlformats.org/officeDocument/2006/relationships/hyperlink" Target="http://www.sdu.dk/da/sdutakeover" TargetMode="Externa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hyperlink" Target="http://www.sdu.dk/da/sdutakeover" TargetMode="Externa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hyperlink" Target="http://www.sdu.dk/da/sdutakeover" TargetMode="External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hyperlink" Target="http://www.sdu.dk/da/sdutakeover" TargetMode="Externa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0966353" y="1235826"/>
            <a:ext cx="1943293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bg1"/>
                </a:solidFill>
              </a:rPr>
              <a:t>sdu.dk</a:t>
            </a:r>
            <a:r>
              <a:rPr lang="da-DK" sz="1100" b="1" i="0" u="none" dirty="0">
                <a:solidFill>
                  <a:schemeClr val="bg1"/>
                </a:solidFill>
              </a:rPr>
              <a:t>/</a:t>
            </a:r>
            <a:r>
              <a:rPr lang="da-DK" sz="1100" b="1" i="0" u="none" dirty="0" err="1">
                <a:solidFill>
                  <a:schemeClr val="bg1"/>
                </a:solidFill>
              </a:rPr>
              <a:t>sdutakeover</a:t>
            </a:r>
            <a:endParaRPr lang="da-DK" sz="1100" b="1" i="0" u="none" dirty="0">
              <a:solidFill>
                <a:schemeClr val="bg1"/>
              </a:solidFill>
            </a:endParaRPr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999806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5" name="text" descr="{&quot;templafy&quot;:{&quot;id&quot;:&quot;f4d5267f-1f3f-4d0a-8ff4-f74b7c04eca9&quot;}}" title="UserProfile.Institut.InstituteDCU_{{DocumentLanguage}}">
            <a:extLst>
              <a:ext uri="{FF2B5EF4-FFF2-40B4-BE49-F238E27FC236}">
                <a16:creationId xmlns:a16="http://schemas.microsoft.com/office/drawing/2014/main" id="{296E5B80-2577-C165-8C4A-7F62B202D6FA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>
                <a:solidFill>
                  <a:schemeClr val="bg1"/>
                </a:solidFill>
              </a:rPr>
              <a:t>SDU Uddannelse</a:t>
            </a:r>
          </a:p>
        </p:txBody>
      </p:sp>
      <p:sp>
        <p:nvSpPr>
          <p:cNvPr id="13" name="Rectangle 12" descr="{&quot;templafy&quot;:{&quot;id&quot;:&quot;a508036c-0ba6-4328-ad6d-9e2839abb68b&quot;}}">
            <a:extLst>
              <a:ext uri="{FF2B5EF4-FFF2-40B4-BE49-F238E27FC236}">
                <a16:creationId xmlns:a16="http://schemas.microsoft.com/office/drawing/2014/main" id="{F53B22A2-102E-A0CA-5F3A-78BB463B035C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CE6F7350-00C6-1970-674E-A3FC934CE10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675564" y="275686"/>
            <a:ext cx="2717631" cy="808584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6F1B24CC-5D51-F0F1-F607-B2D0A0A991F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91572" y="6096830"/>
            <a:ext cx="1511324" cy="680187"/>
          </a:xfrm>
          <a:prstGeom prst="rect">
            <a:avLst/>
          </a:prstGeom>
        </p:spPr>
      </p:pic>
      <p:sp>
        <p:nvSpPr>
          <p:cNvPr id="18" name="OFF_institute">
            <a:extLst>
              <a:ext uri="{FF2B5EF4-FFF2-40B4-BE49-F238E27FC236}">
                <a16:creationId xmlns:a16="http://schemas.microsoft.com/office/drawing/2014/main" id="{52FE1FCC-772C-FE0C-548A-9DC2288AFB4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bg1"/>
                </a:solidFill>
              </a:defRPr>
            </a:lvl1pPr>
          </a:lstStyle>
          <a:p>
            <a:r>
              <a:rPr lang="da-DK" u="sng">
                <a:hlinkClick r:id="rId4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6" name="OFF_institute">
            <a:extLst>
              <a:ext uri="{FF2B5EF4-FFF2-40B4-BE49-F238E27FC236}">
                <a16:creationId xmlns:a16="http://schemas.microsoft.com/office/drawing/2014/main" id="{E8DCCBA3-1E98-D679-DE55-4575141C193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0b8187b0-a2f5-47a8-8e0a-2113784963ad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3" name="Rectangle 12" descr="{&quot;templafy&quot;:{&quot;id&quot;:&quot;d3044e56-a7bc-4364-9159-dcb856ce61ca&quot;}}">
            <a:extLst>
              <a:ext uri="{FF2B5EF4-FFF2-40B4-BE49-F238E27FC236}">
                <a16:creationId xmlns:a16="http://schemas.microsoft.com/office/drawing/2014/main" id="{CBCCEF6F-0C69-C9D0-8E55-3AE6741AB480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pic>
        <p:nvPicPr>
          <p:cNvPr id="15" name="Billede 14">
            <a:extLst>
              <a:ext uri="{FF2B5EF4-FFF2-40B4-BE49-F238E27FC236}">
                <a16:creationId xmlns:a16="http://schemas.microsoft.com/office/drawing/2014/main" id="{63B2326E-EB9E-AD42-8E59-05C1445D894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10422289" y="4428859"/>
            <a:ext cx="2734917" cy="808584"/>
          </a:xfrm>
          <a:prstGeom prst="rect">
            <a:avLst/>
          </a:prstGeom>
        </p:spPr>
      </p:pic>
      <p:pic>
        <p:nvPicPr>
          <p:cNvPr id="19" name="Billede 18">
            <a:extLst>
              <a:ext uri="{FF2B5EF4-FFF2-40B4-BE49-F238E27FC236}">
                <a16:creationId xmlns:a16="http://schemas.microsoft.com/office/drawing/2014/main" id="{30D7EAE0-BD8D-FB5A-FD40-E5643E3E4F7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34160" y="6096830"/>
            <a:ext cx="1513553" cy="680187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124CE665-6050-7E30-0A71-B5D7D804A565}"/>
              </a:ext>
            </a:extLst>
          </p:cNvPr>
          <p:cNvSpPr/>
          <p:nvPr userDrawn="1"/>
        </p:nvSpPr>
        <p:spPr>
          <a:xfrm rot="5400000">
            <a:off x="11063891" y="1138288"/>
            <a:ext cx="1748218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</a:t>
            </a:r>
            <a:r>
              <a:rPr lang="da-DK" sz="1100" b="1" i="0" u="none" dirty="0" err="1">
                <a:solidFill>
                  <a:schemeClr val="tx1"/>
                </a:solidFill>
              </a:rPr>
              <a:t>sdutakeover</a:t>
            </a:r>
            <a:endParaRPr lang="da-DK" sz="1100" b="1" i="0" u="none" dirty="0">
              <a:solidFill>
                <a:schemeClr val="tx1"/>
              </a:solidFill>
            </a:endParaRPr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C5BE54C6-D1CC-8066-8D3F-3EBD5FDAC2E7}"/>
              </a:ext>
            </a:extLst>
          </p:cNvPr>
          <p:cNvSpPr/>
          <p:nvPr userDrawn="1"/>
        </p:nvSpPr>
        <p:spPr>
          <a:xfrm rot="5400000">
            <a:off x="11482792" y="275668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75877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text" descr="{&quot;templafy&quot;:{&quot;id&quot;:&quot;729781dd-6063-43d0-be4d-797fc301b6cc&quot;}}" title="UserProfile.Institut.InstituteDCU_{{DocumentLanguage}}">
            <a:extLst>
              <a:ext uri="{FF2B5EF4-FFF2-40B4-BE49-F238E27FC236}">
                <a16:creationId xmlns:a16="http://schemas.microsoft.com/office/drawing/2014/main" id="{9628CBF5-AC99-DB92-49C6-DB52A231152D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pic>
        <p:nvPicPr>
          <p:cNvPr id="21" name="Billede 20">
            <a:extLst>
              <a:ext uri="{FF2B5EF4-FFF2-40B4-BE49-F238E27FC236}">
                <a16:creationId xmlns:a16="http://schemas.microsoft.com/office/drawing/2014/main" id="{7366D5B4-0ADA-9C47-0568-9C4F6642E8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66921" y="0"/>
            <a:ext cx="2734917" cy="808584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BF29B646-DFC2-8EA2-395C-D6FE5739B63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58" y="6096830"/>
            <a:ext cx="1513553" cy="680187"/>
          </a:xfrm>
          <a:prstGeom prst="rect">
            <a:avLst/>
          </a:prstGeom>
        </p:spPr>
      </p:pic>
      <p:sp>
        <p:nvSpPr>
          <p:cNvPr id="23" name="OFF_institute">
            <a:extLst>
              <a:ext uri="{FF2B5EF4-FFF2-40B4-BE49-F238E27FC236}">
                <a16:creationId xmlns:a16="http://schemas.microsoft.com/office/drawing/2014/main" id="{B9E492A3-BC5C-51CD-1BDA-7C0BF626D2D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4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  <p:sp>
        <p:nvSpPr>
          <p:cNvPr id="24" name="sdu.dk">
            <a:extLst>
              <a:ext uri="{FF2B5EF4-FFF2-40B4-BE49-F238E27FC236}">
                <a16:creationId xmlns:a16="http://schemas.microsoft.com/office/drawing/2014/main" id="{D065024B-2397-9F4E-5BB6-9257D303944E}"/>
              </a:ext>
            </a:extLst>
          </p:cNvPr>
          <p:cNvSpPr/>
          <p:nvPr userDrawn="1"/>
        </p:nvSpPr>
        <p:spPr>
          <a:xfrm rot="5400000">
            <a:off x="11063891" y="1138288"/>
            <a:ext cx="1748218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</a:t>
            </a:r>
            <a:r>
              <a:rPr lang="da-DK" sz="1100" b="1" i="0" u="none" dirty="0" err="1">
                <a:solidFill>
                  <a:schemeClr val="tx1"/>
                </a:solidFill>
              </a:rPr>
              <a:t>sdutakeover</a:t>
            </a:r>
            <a:endParaRPr lang="da-DK" sz="1100" b="1" i="0" u="none" dirty="0">
              <a:solidFill>
                <a:schemeClr val="tx1"/>
              </a:solidFill>
            </a:endParaRPr>
          </a:p>
        </p:txBody>
      </p:sp>
      <p:sp>
        <p:nvSpPr>
          <p:cNvPr id="25" name="#sdudk">
            <a:extLst>
              <a:ext uri="{FF2B5EF4-FFF2-40B4-BE49-F238E27FC236}">
                <a16:creationId xmlns:a16="http://schemas.microsoft.com/office/drawing/2014/main" id="{6BE4C543-562B-148F-B62D-4B46DA281110}"/>
              </a:ext>
            </a:extLst>
          </p:cNvPr>
          <p:cNvSpPr/>
          <p:nvPr userDrawn="1"/>
        </p:nvSpPr>
        <p:spPr>
          <a:xfrm rot="5400000">
            <a:off x="11482792" y="275668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OFF_institute">
            <a:extLst>
              <a:ext uri="{FF2B5EF4-FFF2-40B4-BE49-F238E27FC236}">
                <a16:creationId xmlns:a16="http://schemas.microsoft.com/office/drawing/2014/main" id="{2BD1F0FC-A76A-59DE-D22A-CA8AD58FE51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OFF_institute">
            <a:extLst>
              <a:ext uri="{FF2B5EF4-FFF2-40B4-BE49-F238E27FC236}">
                <a16:creationId xmlns:a16="http://schemas.microsoft.com/office/drawing/2014/main" id="{C2D9EF14-D20B-1732-5E04-DD1884783CB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OFF_institute">
            <a:extLst>
              <a:ext uri="{FF2B5EF4-FFF2-40B4-BE49-F238E27FC236}">
                <a16:creationId xmlns:a16="http://schemas.microsoft.com/office/drawing/2014/main" id="{D832D472-3A58-33FA-8D4A-81E7CC926AF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0966353" y="1235826"/>
            <a:ext cx="1943293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bg1"/>
                </a:solidFill>
              </a:rPr>
              <a:t>sdu.dk</a:t>
            </a:r>
            <a:r>
              <a:rPr lang="da-DK" sz="1100" b="1" i="0" u="none" dirty="0">
                <a:solidFill>
                  <a:schemeClr val="bg1"/>
                </a:solidFill>
              </a:rPr>
              <a:t>/</a:t>
            </a:r>
            <a:r>
              <a:rPr lang="da-DK" sz="1100" b="1" i="0" u="none" dirty="0" err="1">
                <a:solidFill>
                  <a:schemeClr val="bg1"/>
                </a:solidFill>
              </a:rPr>
              <a:t>sdutakeover</a:t>
            </a:r>
            <a:endParaRPr lang="da-DK" sz="1100" b="1" i="0" u="none" dirty="0">
              <a:solidFill>
                <a:schemeClr val="bg1"/>
              </a:solidFill>
            </a:endParaRPr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999806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5" name="text" descr="{&quot;templafy&quot;:{&quot;id&quot;:&quot;95e05251-98b9-4794-aea6-e829722dbf98&quot;}}" title="UserProfile.Institut.InstituteDCU_{{DocumentLanguage}}">
            <a:extLst>
              <a:ext uri="{FF2B5EF4-FFF2-40B4-BE49-F238E27FC236}">
                <a16:creationId xmlns:a16="http://schemas.microsoft.com/office/drawing/2014/main" id="{296E5B80-2577-C165-8C4A-7F62B202D6FA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>
                <a:solidFill>
                  <a:schemeClr val="bg1"/>
                </a:solidFill>
              </a:rPr>
              <a:t>SDU Uddannelse</a:t>
            </a:r>
          </a:p>
        </p:txBody>
      </p:sp>
      <p:sp>
        <p:nvSpPr>
          <p:cNvPr id="13" name="Rectangle 12" descr="{&quot;templafy&quot;:{&quot;id&quot;:&quot;1c319b42-eb87-44db-8103-c363c809c7d8&quot;}}">
            <a:extLst>
              <a:ext uri="{FF2B5EF4-FFF2-40B4-BE49-F238E27FC236}">
                <a16:creationId xmlns:a16="http://schemas.microsoft.com/office/drawing/2014/main" id="{F53B22A2-102E-A0CA-5F3A-78BB463B035C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CE6F7350-00C6-1970-674E-A3FC934CE10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675564" y="275686"/>
            <a:ext cx="2717631" cy="808584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6F1B24CC-5D51-F0F1-F607-B2D0A0A991F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91572" y="6096830"/>
            <a:ext cx="1511324" cy="680187"/>
          </a:xfrm>
          <a:prstGeom prst="rect">
            <a:avLst/>
          </a:prstGeom>
        </p:spPr>
      </p:pic>
      <p:sp>
        <p:nvSpPr>
          <p:cNvPr id="18" name="OFF_institute">
            <a:extLst>
              <a:ext uri="{FF2B5EF4-FFF2-40B4-BE49-F238E27FC236}">
                <a16:creationId xmlns:a16="http://schemas.microsoft.com/office/drawing/2014/main" id="{52FE1FCC-772C-FE0C-548A-9DC2288AFB4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bg1"/>
                </a:solidFill>
              </a:defRPr>
            </a:lvl1pPr>
          </a:lstStyle>
          <a:p>
            <a:r>
              <a:rPr lang="da-DK" u="sng">
                <a:hlinkClick r:id="rId4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79618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OFF_institute">
            <a:extLst>
              <a:ext uri="{FF2B5EF4-FFF2-40B4-BE49-F238E27FC236}">
                <a16:creationId xmlns:a16="http://schemas.microsoft.com/office/drawing/2014/main" id="{36CF7C0E-935A-2902-8FB8-DF37F0D5436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170143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OFF_institute">
            <a:extLst>
              <a:ext uri="{FF2B5EF4-FFF2-40B4-BE49-F238E27FC236}">
                <a16:creationId xmlns:a16="http://schemas.microsoft.com/office/drawing/2014/main" id="{36CF7C0E-935A-2902-8FB8-DF37F0D5436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86375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Rektangel 18">
            <a:extLst>
              <a:ext uri="{FF2B5EF4-FFF2-40B4-BE49-F238E27FC236}">
                <a16:creationId xmlns:a16="http://schemas.microsoft.com/office/drawing/2014/main" id="{8310D1F8-6FDA-49D2-13D9-38C5E8EAB79F}"/>
              </a:ext>
            </a:extLst>
          </p:cNvPr>
          <p:cNvSpPr/>
          <p:nvPr userDrawn="1"/>
        </p:nvSpPr>
        <p:spPr>
          <a:xfrm>
            <a:off x="11401838" y="920044"/>
            <a:ext cx="790162" cy="3595972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66E5A418-7787-9985-50D1-9E42E04569F7}"/>
              </a:ext>
            </a:extLst>
          </p:cNvPr>
          <p:cNvSpPr/>
          <p:nvPr userDrawn="1"/>
        </p:nvSpPr>
        <p:spPr>
          <a:xfrm>
            <a:off x="7738533" y="1"/>
            <a:ext cx="4453467" cy="1016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167523" y="1034656"/>
            <a:ext cx="1540954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</a:t>
            </a:r>
            <a:r>
              <a:rPr lang="da-DK" sz="1100" b="1" i="0" u="none" dirty="0" err="1">
                <a:solidFill>
                  <a:schemeClr val="tx1"/>
                </a:solidFill>
              </a:rPr>
              <a:t>sdutakeover</a:t>
            </a:r>
            <a:endParaRPr lang="da-DK" sz="1100" b="1" i="0" u="none" dirty="0">
              <a:solidFill>
                <a:schemeClr val="tx1"/>
              </a:solidFill>
            </a:endParaRPr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719533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5" name="text" descr="{&quot;templafy&quot;:{&quot;id&quot;:&quot;e3d22dc3-ed61-4949-8b19-ba1aa17a20db&quot;}}" title="UserProfile.Institut.InstituteDCU_{{DocumentLanguage}}">
            <a:extLst>
              <a:ext uri="{FF2B5EF4-FFF2-40B4-BE49-F238E27FC236}">
                <a16:creationId xmlns:a16="http://schemas.microsoft.com/office/drawing/2014/main" id="{D4FF4BD0-2BAF-1703-3818-3D6E55FD09CC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sp>
        <p:nvSpPr>
          <p:cNvPr id="12" name="Rectangle 11" descr="{&quot;templafy&quot;:{&quot;id&quot;:&quot;27ffc5c8-6b06-42f3-a0c1-1b64f2e9d6c4&quot;}}">
            <a:extLst>
              <a:ext uri="{FF2B5EF4-FFF2-40B4-BE49-F238E27FC236}">
                <a16:creationId xmlns:a16="http://schemas.microsoft.com/office/drawing/2014/main" id="{DB5FAC58-33BF-D0DC-ABB7-7AB1737C0EF0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7E30EBFB-2B5D-A45E-5609-D42FC76C39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66921" y="0"/>
            <a:ext cx="2734917" cy="808584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11477070-69FC-1DBB-1AA4-E7C8FAD942BB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58" y="6096830"/>
            <a:ext cx="1513553" cy="680187"/>
          </a:xfrm>
          <a:prstGeom prst="rect">
            <a:avLst/>
          </a:prstGeom>
        </p:spPr>
      </p:pic>
      <p:sp>
        <p:nvSpPr>
          <p:cNvPr id="13" name="OFF_institute">
            <a:extLst>
              <a:ext uri="{FF2B5EF4-FFF2-40B4-BE49-F238E27FC236}">
                <a16:creationId xmlns:a16="http://schemas.microsoft.com/office/drawing/2014/main" id="{285D02C2-65B9-4AA6-8000-53909AE9EED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4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1764032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OFF_institute">
            <a:extLst>
              <a:ext uri="{FF2B5EF4-FFF2-40B4-BE49-F238E27FC236}">
                <a16:creationId xmlns:a16="http://schemas.microsoft.com/office/drawing/2014/main" id="{36CF7C0E-935A-2902-8FB8-DF37F0D5436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9" name="OFF_institute">
            <a:extLst>
              <a:ext uri="{FF2B5EF4-FFF2-40B4-BE49-F238E27FC236}">
                <a16:creationId xmlns:a16="http://schemas.microsoft.com/office/drawing/2014/main" id="{F11859AB-0583-3193-CE6B-C0CD23A464C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6845019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OFF_institute">
            <a:extLst>
              <a:ext uri="{FF2B5EF4-FFF2-40B4-BE49-F238E27FC236}">
                <a16:creationId xmlns:a16="http://schemas.microsoft.com/office/drawing/2014/main" id="{53CA512D-62F9-BFD7-1407-862850B4E9A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2116960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4" name="text" descr="{&quot;templafy&quot;:{&quot;id&quot;:&quot;a9ec91cd-a83a-4b91-8f83-320c3789d742&quot;}}" title="UserProfile.Institut.InstituteDCU_{{DocumentLanguage}}">
            <a:extLst>
              <a:ext uri="{FF2B5EF4-FFF2-40B4-BE49-F238E27FC236}">
                <a16:creationId xmlns:a16="http://schemas.microsoft.com/office/drawing/2014/main" id="{D0F681D3-20B3-34F6-D367-1C82CFA0D091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sp>
        <p:nvSpPr>
          <p:cNvPr id="15" name="Rectangle 14" descr="{&quot;templafy&quot;:{&quot;id&quot;:&quot;2a389d6a-ff9f-404e-9ae4-55db5ff5b298&quot;}}">
            <a:extLst>
              <a:ext uri="{FF2B5EF4-FFF2-40B4-BE49-F238E27FC236}">
                <a16:creationId xmlns:a16="http://schemas.microsoft.com/office/drawing/2014/main" id="{4001BEEE-56CA-332D-B988-8DAE6E7E91B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3" name="OFF_institute">
            <a:extLst>
              <a:ext uri="{FF2B5EF4-FFF2-40B4-BE49-F238E27FC236}">
                <a16:creationId xmlns:a16="http://schemas.microsoft.com/office/drawing/2014/main" id="{ECB035B3-64A9-F2A5-ADFC-A5FA97D2011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8215794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OFF_institute">
            <a:extLst>
              <a:ext uri="{FF2B5EF4-FFF2-40B4-BE49-F238E27FC236}">
                <a16:creationId xmlns:a16="http://schemas.microsoft.com/office/drawing/2014/main" id="{38293F6D-E95A-9FA5-0C10-147F35E7892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01072955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ktangel 28">
            <a:extLst>
              <a:ext uri="{FF2B5EF4-FFF2-40B4-BE49-F238E27FC236}">
                <a16:creationId xmlns:a16="http://schemas.microsoft.com/office/drawing/2014/main" id="{B9A17354-4335-83B9-C660-E7EE8E898002}"/>
              </a:ext>
            </a:extLst>
          </p:cNvPr>
          <p:cNvSpPr/>
          <p:nvPr userDrawn="1"/>
        </p:nvSpPr>
        <p:spPr>
          <a:xfrm>
            <a:off x="11401838" y="920044"/>
            <a:ext cx="790162" cy="3595972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0" name="Rektangel 29">
            <a:extLst>
              <a:ext uri="{FF2B5EF4-FFF2-40B4-BE49-F238E27FC236}">
                <a16:creationId xmlns:a16="http://schemas.microsoft.com/office/drawing/2014/main" id="{B54C997F-38DB-C360-76FE-453361426FF0}"/>
              </a:ext>
            </a:extLst>
          </p:cNvPr>
          <p:cNvSpPr/>
          <p:nvPr userDrawn="1"/>
        </p:nvSpPr>
        <p:spPr>
          <a:xfrm>
            <a:off x="7738533" y="1"/>
            <a:ext cx="4453467" cy="1016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063891" y="1138288"/>
            <a:ext cx="1748218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</a:t>
            </a:r>
            <a:r>
              <a:rPr lang="da-DK" sz="1100" b="1" i="0" u="none" dirty="0" err="1">
                <a:solidFill>
                  <a:schemeClr val="tx1"/>
                </a:solidFill>
              </a:rPr>
              <a:t>sdutakeover</a:t>
            </a:r>
            <a:endParaRPr lang="da-DK" sz="1100" b="1" i="0" u="none" dirty="0">
              <a:solidFill>
                <a:schemeClr val="tx1"/>
              </a:solidFill>
            </a:endParaRPr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75668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22" name="text" descr="{&quot;templafy&quot;:{&quot;id&quot;:&quot;621c801f-15f6-4699-8ef5-3ddf7ef34ca5&quot;}}" title="UserProfile.Institut.InstituteDCU_{{DocumentLanguage}}">
            <a:extLst>
              <a:ext uri="{FF2B5EF4-FFF2-40B4-BE49-F238E27FC236}">
                <a16:creationId xmlns:a16="http://schemas.microsoft.com/office/drawing/2014/main" id="{4BA8697E-ACF8-B1DC-1458-B0832A5D787F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sp>
        <p:nvSpPr>
          <p:cNvPr id="19" name="Rectangle 18" descr="{&quot;templafy&quot;:{&quot;id&quot;:&quot;51d3cebb-6665-4458-9ed4-1302615a406f&quot;}}">
            <a:extLst>
              <a:ext uri="{FF2B5EF4-FFF2-40B4-BE49-F238E27FC236}">
                <a16:creationId xmlns:a16="http://schemas.microsoft.com/office/drawing/2014/main" id="{0793924F-53B9-5598-6F7B-5EA742520D28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pic>
        <p:nvPicPr>
          <p:cNvPr id="23" name="Billede 22">
            <a:extLst>
              <a:ext uri="{FF2B5EF4-FFF2-40B4-BE49-F238E27FC236}">
                <a16:creationId xmlns:a16="http://schemas.microsoft.com/office/drawing/2014/main" id="{56E5EC03-6B1C-743F-1F0D-ADDC4B011F5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66921" y="0"/>
            <a:ext cx="2734917" cy="808584"/>
          </a:xfrm>
          <a:prstGeom prst="rect">
            <a:avLst/>
          </a:prstGeom>
        </p:spPr>
      </p:pic>
      <p:pic>
        <p:nvPicPr>
          <p:cNvPr id="25" name="Billede 24">
            <a:extLst>
              <a:ext uri="{FF2B5EF4-FFF2-40B4-BE49-F238E27FC236}">
                <a16:creationId xmlns:a16="http://schemas.microsoft.com/office/drawing/2014/main" id="{59BC69BA-1EFB-6BC2-D5D9-F7F684ADA33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58" y="6096830"/>
            <a:ext cx="1513553" cy="680187"/>
          </a:xfrm>
          <a:prstGeom prst="rect">
            <a:avLst/>
          </a:prstGeom>
        </p:spPr>
      </p:pic>
      <p:sp>
        <p:nvSpPr>
          <p:cNvPr id="26" name="OFF_institute">
            <a:extLst>
              <a:ext uri="{FF2B5EF4-FFF2-40B4-BE49-F238E27FC236}">
                <a16:creationId xmlns:a16="http://schemas.microsoft.com/office/drawing/2014/main" id="{0227F53D-689F-F6BA-E794-32F454A51E1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4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77934220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6" name="OFF_institute">
            <a:extLst>
              <a:ext uri="{FF2B5EF4-FFF2-40B4-BE49-F238E27FC236}">
                <a16:creationId xmlns:a16="http://schemas.microsoft.com/office/drawing/2014/main" id="{E8DCCBA3-1E98-D679-DE55-4575141C193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0448152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Rektangel 16">
            <a:extLst>
              <a:ext uri="{FF2B5EF4-FFF2-40B4-BE49-F238E27FC236}">
                <a16:creationId xmlns:a16="http://schemas.microsoft.com/office/drawing/2014/main" id="{0CE7B6DD-C3A4-5228-6B46-D348E86C40B9}"/>
              </a:ext>
            </a:extLst>
          </p:cNvPr>
          <p:cNvSpPr/>
          <p:nvPr userDrawn="1"/>
        </p:nvSpPr>
        <p:spPr>
          <a:xfrm>
            <a:off x="6096000" y="6015924"/>
            <a:ext cx="6096000" cy="842076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6" name="Rektangel 15">
            <a:extLst>
              <a:ext uri="{FF2B5EF4-FFF2-40B4-BE49-F238E27FC236}">
                <a16:creationId xmlns:a16="http://schemas.microsoft.com/office/drawing/2014/main" id="{E0C7BC12-DC53-3576-8098-56DE8341BE09}"/>
              </a:ext>
            </a:extLst>
          </p:cNvPr>
          <p:cNvSpPr/>
          <p:nvPr userDrawn="1"/>
        </p:nvSpPr>
        <p:spPr>
          <a:xfrm>
            <a:off x="11401838" y="0"/>
            <a:ext cx="790162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fcfa9502-8e3c-4688-aff6-f19a228884c4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3" name="Rectangle 12" descr="{&quot;templafy&quot;:{&quot;id&quot;:&quot;3eb0b907-9b69-40e6-a55d-85b7836b498f&quot;}}">
            <a:extLst>
              <a:ext uri="{FF2B5EF4-FFF2-40B4-BE49-F238E27FC236}">
                <a16:creationId xmlns:a16="http://schemas.microsoft.com/office/drawing/2014/main" id="{CBCCEF6F-0C69-C9D0-8E55-3AE6741AB480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pic>
        <p:nvPicPr>
          <p:cNvPr id="15" name="Billede 14">
            <a:extLst>
              <a:ext uri="{FF2B5EF4-FFF2-40B4-BE49-F238E27FC236}">
                <a16:creationId xmlns:a16="http://schemas.microsoft.com/office/drawing/2014/main" id="{63B2326E-EB9E-AD42-8E59-05C1445D894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10422289" y="4428859"/>
            <a:ext cx="2734917" cy="808584"/>
          </a:xfrm>
          <a:prstGeom prst="rect">
            <a:avLst/>
          </a:prstGeom>
        </p:spPr>
      </p:pic>
      <p:pic>
        <p:nvPicPr>
          <p:cNvPr id="19" name="Billede 18">
            <a:extLst>
              <a:ext uri="{FF2B5EF4-FFF2-40B4-BE49-F238E27FC236}">
                <a16:creationId xmlns:a16="http://schemas.microsoft.com/office/drawing/2014/main" id="{30D7EAE0-BD8D-FB5A-FD40-E5643E3E4F7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34160" y="6096830"/>
            <a:ext cx="1513553" cy="680187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124CE665-6050-7E30-0A71-B5D7D804A565}"/>
              </a:ext>
            </a:extLst>
          </p:cNvPr>
          <p:cNvSpPr/>
          <p:nvPr userDrawn="1"/>
        </p:nvSpPr>
        <p:spPr>
          <a:xfrm rot="5400000">
            <a:off x="11063891" y="1138288"/>
            <a:ext cx="1748218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</a:t>
            </a:r>
            <a:r>
              <a:rPr lang="da-DK" sz="1100" b="1" i="0" u="none" dirty="0" err="1">
                <a:solidFill>
                  <a:schemeClr val="tx1"/>
                </a:solidFill>
              </a:rPr>
              <a:t>sdutakeover</a:t>
            </a:r>
            <a:endParaRPr lang="da-DK" sz="1100" b="1" i="0" u="none" dirty="0">
              <a:solidFill>
                <a:schemeClr val="tx1"/>
              </a:solidFill>
            </a:endParaRPr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C5BE54C6-D1CC-8066-8D3F-3EBD5FDAC2E7}"/>
              </a:ext>
            </a:extLst>
          </p:cNvPr>
          <p:cNvSpPr/>
          <p:nvPr userDrawn="1"/>
        </p:nvSpPr>
        <p:spPr>
          <a:xfrm rot="5400000">
            <a:off x="11482792" y="275668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411428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Rektangel 25">
            <a:extLst>
              <a:ext uri="{FF2B5EF4-FFF2-40B4-BE49-F238E27FC236}">
                <a16:creationId xmlns:a16="http://schemas.microsoft.com/office/drawing/2014/main" id="{0BF8D02E-E8EF-674F-8339-3EDB43E87256}"/>
              </a:ext>
            </a:extLst>
          </p:cNvPr>
          <p:cNvSpPr/>
          <p:nvPr userDrawn="1"/>
        </p:nvSpPr>
        <p:spPr>
          <a:xfrm>
            <a:off x="0" y="6022317"/>
            <a:ext cx="4455042" cy="842076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7" name="Rektangel 16">
            <a:extLst>
              <a:ext uri="{FF2B5EF4-FFF2-40B4-BE49-F238E27FC236}">
                <a16:creationId xmlns:a16="http://schemas.microsoft.com/office/drawing/2014/main" id="{E5268AAD-657D-7F3A-9528-08F529F54D35}"/>
              </a:ext>
            </a:extLst>
          </p:cNvPr>
          <p:cNvSpPr/>
          <p:nvPr userDrawn="1"/>
        </p:nvSpPr>
        <p:spPr>
          <a:xfrm>
            <a:off x="4455042" y="-5258"/>
            <a:ext cx="7736958" cy="842076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5C5EFEF7-AB20-79CA-E91B-46D471D8E965}"/>
              </a:ext>
            </a:extLst>
          </p:cNvPr>
          <p:cNvSpPr/>
          <p:nvPr userDrawn="1"/>
        </p:nvSpPr>
        <p:spPr>
          <a:xfrm>
            <a:off x="11401838" y="0"/>
            <a:ext cx="790162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75877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text" descr="{&quot;templafy&quot;:{&quot;id&quot;:&quot;176e7d14-36b2-483f-8b79-e56335a95892&quot;}}" title="UserProfile.Institut.InstituteDCU_{{DocumentLanguage}}">
            <a:extLst>
              <a:ext uri="{FF2B5EF4-FFF2-40B4-BE49-F238E27FC236}">
                <a16:creationId xmlns:a16="http://schemas.microsoft.com/office/drawing/2014/main" id="{9628CBF5-AC99-DB92-49C6-DB52A231152D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pic>
        <p:nvPicPr>
          <p:cNvPr id="21" name="Billede 20">
            <a:extLst>
              <a:ext uri="{FF2B5EF4-FFF2-40B4-BE49-F238E27FC236}">
                <a16:creationId xmlns:a16="http://schemas.microsoft.com/office/drawing/2014/main" id="{7366D5B4-0ADA-9C47-0568-9C4F6642E8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66921" y="0"/>
            <a:ext cx="2734917" cy="808584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BF29B646-DFC2-8EA2-395C-D6FE5739B63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58" y="6096830"/>
            <a:ext cx="1513553" cy="680187"/>
          </a:xfrm>
          <a:prstGeom prst="rect">
            <a:avLst/>
          </a:prstGeom>
        </p:spPr>
      </p:pic>
      <p:sp>
        <p:nvSpPr>
          <p:cNvPr id="23" name="OFF_institute">
            <a:extLst>
              <a:ext uri="{FF2B5EF4-FFF2-40B4-BE49-F238E27FC236}">
                <a16:creationId xmlns:a16="http://schemas.microsoft.com/office/drawing/2014/main" id="{B9E492A3-BC5C-51CD-1BDA-7C0BF626D2D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4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  <p:sp>
        <p:nvSpPr>
          <p:cNvPr id="24" name="sdu.dk">
            <a:extLst>
              <a:ext uri="{FF2B5EF4-FFF2-40B4-BE49-F238E27FC236}">
                <a16:creationId xmlns:a16="http://schemas.microsoft.com/office/drawing/2014/main" id="{D065024B-2397-9F4E-5BB6-9257D303944E}"/>
              </a:ext>
            </a:extLst>
          </p:cNvPr>
          <p:cNvSpPr/>
          <p:nvPr userDrawn="1"/>
        </p:nvSpPr>
        <p:spPr>
          <a:xfrm rot="5400000">
            <a:off x="11063891" y="1138288"/>
            <a:ext cx="1748218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</a:t>
            </a:r>
            <a:r>
              <a:rPr lang="da-DK" sz="1100" b="1" i="0" u="none" dirty="0" err="1">
                <a:solidFill>
                  <a:schemeClr val="tx1"/>
                </a:solidFill>
              </a:rPr>
              <a:t>sdutakeover</a:t>
            </a:r>
            <a:endParaRPr lang="da-DK" sz="1100" b="1" i="0" u="none" dirty="0">
              <a:solidFill>
                <a:schemeClr val="tx1"/>
              </a:solidFill>
            </a:endParaRPr>
          </a:p>
        </p:txBody>
      </p:sp>
      <p:sp>
        <p:nvSpPr>
          <p:cNvPr id="25" name="#sdudk">
            <a:extLst>
              <a:ext uri="{FF2B5EF4-FFF2-40B4-BE49-F238E27FC236}">
                <a16:creationId xmlns:a16="http://schemas.microsoft.com/office/drawing/2014/main" id="{6BE4C543-562B-148F-B62D-4B46DA281110}"/>
              </a:ext>
            </a:extLst>
          </p:cNvPr>
          <p:cNvSpPr/>
          <p:nvPr userDrawn="1"/>
        </p:nvSpPr>
        <p:spPr>
          <a:xfrm rot="5400000">
            <a:off x="11482792" y="275668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5755860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OFF_institute">
            <a:extLst>
              <a:ext uri="{FF2B5EF4-FFF2-40B4-BE49-F238E27FC236}">
                <a16:creationId xmlns:a16="http://schemas.microsoft.com/office/drawing/2014/main" id="{2BD1F0FC-A76A-59DE-D22A-CA8AD58FE51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911581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OFF_institute">
            <a:extLst>
              <a:ext uri="{FF2B5EF4-FFF2-40B4-BE49-F238E27FC236}">
                <a16:creationId xmlns:a16="http://schemas.microsoft.com/office/drawing/2014/main" id="{C2D9EF14-D20B-1732-5E04-DD1884783CB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8865326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OFF_institute">
            <a:extLst>
              <a:ext uri="{FF2B5EF4-FFF2-40B4-BE49-F238E27FC236}">
                <a16:creationId xmlns:a16="http://schemas.microsoft.com/office/drawing/2014/main" id="{36CF7C0E-935A-2902-8FB8-DF37F0D5436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05011891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OFF_institute">
            <a:extLst>
              <a:ext uri="{FF2B5EF4-FFF2-40B4-BE49-F238E27FC236}">
                <a16:creationId xmlns:a16="http://schemas.microsoft.com/office/drawing/2014/main" id="{D832D472-3A58-33FA-8D4A-81E7CC926AF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6959413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167523" y="1034656"/>
            <a:ext cx="1540954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</a:t>
            </a:r>
            <a:r>
              <a:rPr lang="da-DK" sz="1100" b="1" i="0" u="none" dirty="0" err="1">
                <a:solidFill>
                  <a:schemeClr val="tx1"/>
                </a:solidFill>
              </a:rPr>
              <a:t>sdutakeover</a:t>
            </a:r>
            <a:endParaRPr lang="da-DK" sz="1100" b="1" i="0" u="none" dirty="0">
              <a:solidFill>
                <a:schemeClr val="tx1"/>
              </a:solidFill>
            </a:endParaRPr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719533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5" name="text" descr="{&quot;templafy&quot;:{&quot;id&quot;:&quot;2fcdb714-4604-464a-9fa4-750607fc8ba9&quot;}}" title="UserProfile.Institut.InstituteDCU_{{DocumentLanguage}}">
            <a:extLst>
              <a:ext uri="{FF2B5EF4-FFF2-40B4-BE49-F238E27FC236}">
                <a16:creationId xmlns:a16="http://schemas.microsoft.com/office/drawing/2014/main" id="{D4FF4BD0-2BAF-1703-3818-3D6E55FD09CC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sp>
        <p:nvSpPr>
          <p:cNvPr id="12" name="Rectangle 11" descr="{&quot;templafy&quot;:{&quot;id&quot;:&quot;c6f32dcb-b3e2-4c5d-92f9-95be5ab17b97&quot;}}">
            <a:extLst>
              <a:ext uri="{FF2B5EF4-FFF2-40B4-BE49-F238E27FC236}">
                <a16:creationId xmlns:a16="http://schemas.microsoft.com/office/drawing/2014/main" id="{DB5FAC58-33BF-D0DC-ABB7-7AB1737C0EF0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7E30EBFB-2B5D-A45E-5609-D42FC76C39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66921" y="0"/>
            <a:ext cx="2734917" cy="808584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11477070-69FC-1DBB-1AA4-E7C8FAD942BB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58" y="6096830"/>
            <a:ext cx="1513553" cy="680187"/>
          </a:xfrm>
          <a:prstGeom prst="rect">
            <a:avLst/>
          </a:prstGeom>
        </p:spPr>
      </p:pic>
      <p:sp>
        <p:nvSpPr>
          <p:cNvPr id="13" name="OFF_institute">
            <a:extLst>
              <a:ext uri="{FF2B5EF4-FFF2-40B4-BE49-F238E27FC236}">
                <a16:creationId xmlns:a16="http://schemas.microsoft.com/office/drawing/2014/main" id="{285D02C2-65B9-4AA6-8000-53909AE9EED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4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9" name="OFF_institute">
            <a:extLst>
              <a:ext uri="{FF2B5EF4-FFF2-40B4-BE49-F238E27FC236}">
                <a16:creationId xmlns:a16="http://schemas.microsoft.com/office/drawing/2014/main" id="{F11859AB-0583-3193-CE6B-C0CD23A464C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OFF_institute">
            <a:extLst>
              <a:ext uri="{FF2B5EF4-FFF2-40B4-BE49-F238E27FC236}">
                <a16:creationId xmlns:a16="http://schemas.microsoft.com/office/drawing/2014/main" id="{53CA512D-62F9-BFD7-1407-862850B4E9A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4" name="text" descr="{&quot;templafy&quot;:{&quot;id&quot;:&quot;3d7a75f5-19fd-4b34-ba72-93f7fd9ace9d&quot;}}" title="UserProfile.Institut.InstituteDCU_{{DocumentLanguage}}">
            <a:extLst>
              <a:ext uri="{FF2B5EF4-FFF2-40B4-BE49-F238E27FC236}">
                <a16:creationId xmlns:a16="http://schemas.microsoft.com/office/drawing/2014/main" id="{D0F681D3-20B3-34F6-D367-1C82CFA0D091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sp>
        <p:nvSpPr>
          <p:cNvPr id="15" name="Rectangle 14" descr="{&quot;templafy&quot;:{&quot;id&quot;:&quot;c04173b7-d0c2-4231-ac06-f9cd6e56523d&quot;}}">
            <a:extLst>
              <a:ext uri="{FF2B5EF4-FFF2-40B4-BE49-F238E27FC236}">
                <a16:creationId xmlns:a16="http://schemas.microsoft.com/office/drawing/2014/main" id="{4001BEEE-56CA-332D-B988-8DAE6E7E91B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3" name="OFF_institute">
            <a:extLst>
              <a:ext uri="{FF2B5EF4-FFF2-40B4-BE49-F238E27FC236}">
                <a16:creationId xmlns:a16="http://schemas.microsoft.com/office/drawing/2014/main" id="{ECB035B3-64A9-F2A5-ADFC-A5FA97D2011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OFF_institute">
            <a:extLst>
              <a:ext uri="{FF2B5EF4-FFF2-40B4-BE49-F238E27FC236}">
                <a16:creationId xmlns:a16="http://schemas.microsoft.com/office/drawing/2014/main" id="{38293F6D-E95A-9FA5-0C10-147F35E7892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2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063891" y="1138288"/>
            <a:ext cx="1748218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</a:t>
            </a:r>
            <a:r>
              <a:rPr lang="da-DK" sz="1100" b="1" i="0" u="none" dirty="0" err="1">
                <a:solidFill>
                  <a:schemeClr val="tx1"/>
                </a:solidFill>
              </a:rPr>
              <a:t>sdutakeover</a:t>
            </a:r>
            <a:endParaRPr lang="da-DK" sz="1100" b="1" i="0" u="none" dirty="0">
              <a:solidFill>
                <a:schemeClr val="tx1"/>
              </a:solidFill>
            </a:endParaRPr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75668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22" name="text" descr="{&quot;templafy&quot;:{&quot;id&quot;:&quot;a536711a-f200-4852-a563-9154372eb673&quot;}}" title="UserProfile.Institut.InstituteDCU_{{DocumentLanguage}}">
            <a:extLst>
              <a:ext uri="{FF2B5EF4-FFF2-40B4-BE49-F238E27FC236}">
                <a16:creationId xmlns:a16="http://schemas.microsoft.com/office/drawing/2014/main" id="{4BA8697E-ACF8-B1DC-1458-B0832A5D787F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sp>
        <p:nvSpPr>
          <p:cNvPr id="19" name="Rectangle 18" descr="{&quot;templafy&quot;:{&quot;id&quot;:&quot;9107cfd4-2797-45a7-957f-1de69f52442a&quot;}}">
            <a:extLst>
              <a:ext uri="{FF2B5EF4-FFF2-40B4-BE49-F238E27FC236}">
                <a16:creationId xmlns:a16="http://schemas.microsoft.com/office/drawing/2014/main" id="{0793924F-53B9-5598-6F7B-5EA742520D28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pic>
        <p:nvPicPr>
          <p:cNvPr id="23" name="Billede 22">
            <a:extLst>
              <a:ext uri="{FF2B5EF4-FFF2-40B4-BE49-F238E27FC236}">
                <a16:creationId xmlns:a16="http://schemas.microsoft.com/office/drawing/2014/main" id="{56E5EC03-6B1C-743F-1F0D-ADDC4B011F5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66921" y="0"/>
            <a:ext cx="2734917" cy="808584"/>
          </a:xfrm>
          <a:prstGeom prst="rect">
            <a:avLst/>
          </a:prstGeom>
        </p:spPr>
      </p:pic>
      <p:pic>
        <p:nvPicPr>
          <p:cNvPr id="25" name="Billede 24">
            <a:extLst>
              <a:ext uri="{FF2B5EF4-FFF2-40B4-BE49-F238E27FC236}">
                <a16:creationId xmlns:a16="http://schemas.microsoft.com/office/drawing/2014/main" id="{59BC69BA-1EFB-6BC2-D5D9-F7F684ADA33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58" y="6096830"/>
            <a:ext cx="1513553" cy="680187"/>
          </a:xfrm>
          <a:prstGeom prst="rect">
            <a:avLst/>
          </a:prstGeom>
        </p:spPr>
      </p:pic>
      <p:sp>
        <p:nvSpPr>
          <p:cNvPr id="26" name="OFF_institute">
            <a:extLst>
              <a:ext uri="{FF2B5EF4-FFF2-40B4-BE49-F238E27FC236}">
                <a16:creationId xmlns:a16="http://schemas.microsoft.com/office/drawing/2014/main" id="{0227F53D-689F-F6BA-E794-32F454A51E1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r>
              <a:rPr lang="da-DK" u="sng" dirty="0">
                <a:hlinkClick r:id="rId4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2.png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3.xml"/><Relationship Id="rId13" Type="http://schemas.openxmlformats.org/officeDocument/2006/relationships/slideLayout" Target="../slideLayouts/slideLayout28.xml"/><Relationship Id="rId18" Type="http://schemas.openxmlformats.org/officeDocument/2006/relationships/image" Target="../media/image2.png"/><Relationship Id="rId3" Type="http://schemas.openxmlformats.org/officeDocument/2006/relationships/slideLayout" Target="../slideLayouts/slideLayout18.xml"/><Relationship Id="rId7" Type="http://schemas.openxmlformats.org/officeDocument/2006/relationships/slideLayout" Target="../slideLayouts/slideLayout22.xml"/><Relationship Id="rId12" Type="http://schemas.openxmlformats.org/officeDocument/2006/relationships/slideLayout" Target="../slideLayouts/slideLayout27.xml"/><Relationship Id="rId17" Type="http://schemas.openxmlformats.org/officeDocument/2006/relationships/image" Target="../media/image1.png"/><Relationship Id="rId2" Type="http://schemas.openxmlformats.org/officeDocument/2006/relationships/slideLayout" Target="../slideLayouts/slideLayout17.xml"/><Relationship Id="rId16" Type="http://schemas.openxmlformats.org/officeDocument/2006/relationships/theme" Target="../theme/theme2.xml"/><Relationship Id="rId1" Type="http://schemas.openxmlformats.org/officeDocument/2006/relationships/slideLayout" Target="../slideLayouts/slideLayout16.xml"/><Relationship Id="rId6" Type="http://schemas.openxmlformats.org/officeDocument/2006/relationships/slideLayout" Target="../slideLayouts/slideLayout21.xml"/><Relationship Id="rId11" Type="http://schemas.openxmlformats.org/officeDocument/2006/relationships/slideLayout" Target="../slideLayouts/slideLayout26.xml"/><Relationship Id="rId5" Type="http://schemas.openxmlformats.org/officeDocument/2006/relationships/slideLayout" Target="../slideLayouts/slideLayout20.xml"/><Relationship Id="rId15" Type="http://schemas.openxmlformats.org/officeDocument/2006/relationships/slideLayout" Target="../slideLayouts/slideLayout30.xml"/><Relationship Id="rId10" Type="http://schemas.openxmlformats.org/officeDocument/2006/relationships/slideLayout" Target="../slideLayouts/slideLayout25.xml"/><Relationship Id="rId4" Type="http://schemas.openxmlformats.org/officeDocument/2006/relationships/slideLayout" Target="../slideLayouts/slideLayout19.xml"/><Relationship Id="rId9" Type="http://schemas.openxmlformats.org/officeDocument/2006/relationships/slideLayout" Target="../slideLayouts/slideLayout24.xml"/><Relationship Id="rId14" Type="http://schemas.openxmlformats.org/officeDocument/2006/relationships/slideLayout" Target="../slideLayouts/slideLayout2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0929779" y="1272400"/>
            <a:ext cx="2016442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sdutakeove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925951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3" name="text" descr="{&quot;templafy&quot;:{&quot;id&quot;:&quot;b867f567-e8c4-44bd-8352-040a90f4dcfe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sp>
        <p:nvSpPr>
          <p:cNvPr id="4" name="Rectangle 3" descr="{&quot;templafy&quot;:{&quot;id&quot;:&quot;8182f58c-0ff2-43cb-902e-ef56d7a68f53&quot;}}">
            <a:extLst>
              <a:ext uri="{FF2B5EF4-FFF2-40B4-BE49-F238E27FC236}">
                <a16:creationId xmlns:a16="http://schemas.microsoft.com/office/drawing/2014/main" id="{AF397F50-F863-36FE-A923-73BB143EE03F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34777686-EFC1-45CF-A12F-1DE6CBCE6F87}"/>
              </a:ext>
            </a:extLst>
          </p:cNvPr>
          <p:cNvPicPr>
            <a:picLocks noChangeAspect="1"/>
          </p:cNvPicPr>
          <p:nvPr userDrawn="1"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66921" y="275686"/>
            <a:ext cx="2734917" cy="808584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1A85BC2E-C6B7-8926-581A-2AD2AB6D4F0B}"/>
              </a:ext>
            </a:extLst>
          </p:cNvPr>
          <p:cNvPicPr>
            <a:picLocks noChangeAspect="1"/>
          </p:cNvPicPr>
          <p:nvPr userDrawn="1"/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58" y="6096830"/>
            <a:ext cx="1513553" cy="6801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93" r:id="rId3"/>
    <p:sldLayoutId id="2147483680" r:id="rId4"/>
    <p:sldLayoutId id="2147483688" r:id="rId5"/>
    <p:sldLayoutId id="2147483690" r:id="rId6"/>
    <p:sldLayoutId id="2147483686" r:id="rId7"/>
    <p:sldLayoutId id="2147483692" r:id="rId8"/>
    <p:sldLayoutId id="2147483682" r:id="rId9"/>
    <p:sldLayoutId id="2147483689" r:id="rId10"/>
    <p:sldLayoutId id="2147483676" r:id="rId11"/>
    <p:sldLayoutId id="2147483654" r:id="rId12"/>
    <p:sldLayoutId id="2147483685" r:id="rId13"/>
    <p:sldLayoutId id="2147483691" r:id="rId14"/>
    <p:sldLayoutId id="2147483662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ktangel 20">
            <a:extLst>
              <a:ext uri="{FF2B5EF4-FFF2-40B4-BE49-F238E27FC236}">
                <a16:creationId xmlns:a16="http://schemas.microsoft.com/office/drawing/2014/main" id="{0E051F6E-AACB-3C84-7CDF-C57881311272}"/>
              </a:ext>
            </a:extLst>
          </p:cNvPr>
          <p:cNvSpPr/>
          <p:nvPr userDrawn="1"/>
        </p:nvSpPr>
        <p:spPr>
          <a:xfrm>
            <a:off x="-18316" y="6008917"/>
            <a:ext cx="4453467" cy="874886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0B334535-F251-558F-E354-A5DD31AAA519}"/>
              </a:ext>
            </a:extLst>
          </p:cNvPr>
          <p:cNvSpPr/>
          <p:nvPr userDrawn="1"/>
        </p:nvSpPr>
        <p:spPr>
          <a:xfrm>
            <a:off x="11401838" y="920044"/>
            <a:ext cx="790162" cy="3595972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6FC80C5C-3E6F-5FA8-40DD-E3FD351D506D}"/>
              </a:ext>
            </a:extLst>
          </p:cNvPr>
          <p:cNvSpPr/>
          <p:nvPr userDrawn="1"/>
        </p:nvSpPr>
        <p:spPr>
          <a:xfrm>
            <a:off x="7738533" y="1"/>
            <a:ext cx="4453467" cy="1016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8790615" y="6376129"/>
            <a:ext cx="2982015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accent6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0929779" y="1272400"/>
            <a:ext cx="2016442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r>
              <a:rPr lang="da-DK" sz="1100" b="1" i="0" u="none" dirty="0" err="1">
                <a:solidFill>
                  <a:schemeClr val="tx1"/>
                </a:solidFill>
              </a:rPr>
              <a:t>sdu.dk</a:t>
            </a:r>
            <a:r>
              <a:rPr lang="da-DK" sz="1100" b="1" i="0" u="none" dirty="0">
                <a:solidFill>
                  <a:schemeClr val="tx1"/>
                </a:solidFill>
              </a:rPr>
              <a:t>/sdutakeove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925951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1-10-2025</a:t>
            </a:fld>
            <a:endParaRPr lang="da-DK" dirty="0"/>
          </a:p>
        </p:txBody>
      </p:sp>
      <p:sp>
        <p:nvSpPr>
          <p:cNvPr id="13" name="text" descr="{&quot;templafy&quot;:{&quot;id&quot;:&quot;09443a29-c62e-46d5-801c-05fb52283746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Uddannelse</a:t>
            </a:r>
          </a:p>
        </p:txBody>
      </p:sp>
      <p:sp>
        <p:nvSpPr>
          <p:cNvPr id="4" name="Rectangle 3" descr="{&quot;templafy&quot;:{&quot;id&quot;:&quot;ea9ff387-226d-4148-a4eb-0633d2d278df&quot;}}">
            <a:extLst>
              <a:ext uri="{FF2B5EF4-FFF2-40B4-BE49-F238E27FC236}">
                <a16:creationId xmlns:a16="http://schemas.microsoft.com/office/drawing/2014/main" id="{AF397F50-F863-36FE-A923-73BB143EE03F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34777686-EFC1-45CF-A12F-1DE6CBCE6F87}"/>
              </a:ext>
            </a:extLst>
          </p:cNvPr>
          <p:cNvPicPr>
            <a:picLocks noChangeAspect="1"/>
          </p:cNvPicPr>
          <p:nvPr userDrawn="1"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66921" y="120972"/>
            <a:ext cx="2734917" cy="808584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1A85BC2E-C6B7-8926-581A-2AD2AB6D4F0B}"/>
              </a:ext>
            </a:extLst>
          </p:cNvPr>
          <p:cNvPicPr>
            <a:picLocks noChangeAspect="1"/>
          </p:cNvPicPr>
          <p:nvPr userDrawn="1"/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58" y="6096830"/>
            <a:ext cx="1513553" cy="6801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963854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5" r:id="rId1"/>
    <p:sldLayoutId id="2147483696" r:id="rId2"/>
    <p:sldLayoutId id="2147483697" r:id="rId3"/>
    <p:sldLayoutId id="2147483698" r:id="rId4"/>
    <p:sldLayoutId id="2147483699" r:id="rId5"/>
    <p:sldLayoutId id="2147483700" r:id="rId6"/>
    <p:sldLayoutId id="2147483701" r:id="rId7"/>
    <p:sldLayoutId id="2147483702" r:id="rId8"/>
    <p:sldLayoutId id="2147483703" r:id="rId9"/>
    <p:sldLayoutId id="2147483704" r:id="rId10"/>
    <p:sldLayoutId id="2147483705" r:id="rId11"/>
    <p:sldLayoutId id="2147483706" r:id="rId12"/>
    <p:sldLayoutId id="2147483707" r:id="rId13"/>
    <p:sldLayoutId id="2147483708" r:id="rId14"/>
    <p:sldLayoutId id="2147483709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4" Type="http://schemas.openxmlformats.org/officeDocument/2006/relationships/image" Target="../media/image5.pn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hyperlink" Target="http://www.sdu.dk/da/sdutakeover" TargetMode="External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1-10-2025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32F465F-C582-5395-5411-FD1E66C0611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303487"/>
            <a:ext cx="12192000" cy="6251025"/>
          </a:xfrm>
          <a:prstGeom prst="rect">
            <a:avLst/>
          </a:prstGeom>
        </p:spPr>
      </p:pic>
      <p:sp>
        <p:nvSpPr>
          <p:cNvPr id="4" name="Rektangel 3">
            <a:extLst>
              <a:ext uri="{FF2B5EF4-FFF2-40B4-BE49-F238E27FC236}">
                <a16:creationId xmlns:a16="http://schemas.microsoft.com/office/drawing/2014/main" id="{BFE63C6E-98F1-A52A-42A6-99431426E308}"/>
              </a:ext>
            </a:extLst>
          </p:cNvPr>
          <p:cNvSpPr/>
          <p:nvPr/>
        </p:nvSpPr>
        <p:spPr>
          <a:xfrm>
            <a:off x="0" y="1447800"/>
            <a:ext cx="7419975" cy="12954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8000" b="1" dirty="0">
                <a:solidFill>
                  <a:schemeClr val="tx1"/>
                </a:solidFill>
              </a:rPr>
              <a:t>SDU Takeover</a:t>
            </a:r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BD7DFA17-9A9D-BF3C-7E5A-F18E68F30164}"/>
              </a:ext>
            </a:extLst>
          </p:cNvPr>
          <p:cNvSpPr/>
          <p:nvPr/>
        </p:nvSpPr>
        <p:spPr>
          <a:xfrm>
            <a:off x="2705100" y="2743200"/>
            <a:ext cx="8172450" cy="8382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5400" b="1" dirty="0">
                <a:solidFill>
                  <a:schemeClr val="tx1"/>
                </a:solidFill>
              </a:rPr>
              <a:t>kommer og underviser</a:t>
            </a:r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26362EC3-C0AA-3DBD-980F-3F95E8FBBCC4}"/>
              </a:ext>
            </a:extLst>
          </p:cNvPr>
          <p:cNvSpPr/>
          <p:nvPr/>
        </p:nvSpPr>
        <p:spPr>
          <a:xfrm>
            <a:off x="5572125" y="3581400"/>
            <a:ext cx="6619875" cy="136207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r>
              <a:rPr lang="da-DK" sz="4400" b="1" dirty="0">
                <a:solidFill>
                  <a:schemeClr val="tx1"/>
                </a:solidFill>
              </a:rPr>
              <a:t>på Slagelse Gymnasium</a:t>
            </a:r>
          </a:p>
          <a:p>
            <a:r>
              <a:rPr lang="da-DK" sz="4400" b="1" dirty="0">
                <a:solidFill>
                  <a:schemeClr val="tx1"/>
                </a:solidFill>
              </a:rPr>
              <a:t>13. november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8AE61CB-0B24-D0B3-321F-EAA16FADFE3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Dagens program</a:t>
            </a:r>
          </a:p>
        </p:txBody>
      </p:sp>
      <p:graphicFrame>
        <p:nvGraphicFramePr>
          <p:cNvPr id="7" name="Pladsholder til indhold 6">
            <a:extLst>
              <a:ext uri="{FF2B5EF4-FFF2-40B4-BE49-F238E27FC236}">
                <a16:creationId xmlns:a16="http://schemas.microsoft.com/office/drawing/2014/main" id="{6AB77434-EED5-E486-5F61-B9C7E2A8F99B}"/>
              </a:ext>
            </a:extLst>
          </p:cNvPr>
          <p:cNvGraphicFramePr>
            <a:graphicFrameLocks noGrp="1"/>
          </p:cNvGraphicFramePr>
          <p:nvPr>
            <p:ph sz="quarter" idx="13"/>
          </p:nvPr>
        </p:nvGraphicFramePr>
        <p:xfrm>
          <a:off x="414338" y="2286112"/>
          <a:ext cx="10952162" cy="3258913"/>
        </p:xfrm>
        <a:graphic>
          <a:graphicData uri="http://schemas.openxmlformats.org/drawingml/2006/table">
            <a:tbl>
              <a:tblPr firstRow="1" bandRow="1"/>
              <a:tblGrid>
                <a:gridCol w="3143676">
                  <a:extLst>
                    <a:ext uri="{9D8B030D-6E8A-4147-A177-3AD203B41FA5}">
                      <a16:colId xmlns:a16="http://schemas.microsoft.com/office/drawing/2014/main" val="314698027"/>
                    </a:ext>
                  </a:extLst>
                </a:gridCol>
                <a:gridCol w="7808486">
                  <a:extLst>
                    <a:ext uri="{9D8B030D-6E8A-4147-A177-3AD203B41FA5}">
                      <a16:colId xmlns:a16="http://schemas.microsoft.com/office/drawing/2014/main" val="1326001331"/>
                    </a:ext>
                  </a:extLst>
                </a:gridCol>
              </a:tblGrid>
              <a:tr h="370143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b="1" kern="1200">
                          <a:solidFill>
                            <a:srgbClr val="000000"/>
                          </a:solidFill>
                          <a:effectLst/>
                          <a:highlight>
                            <a:srgbClr val="AFC98D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. MODUL</a:t>
                      </a:r>
                      <a:endParaRPr lang="da-DK" sz="1100">
                        <a:effectLst/>
                        <a:highlight>
                          <a:srgbClr val="AFC98D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AFC98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kern="1200">
                          <a:solidFill>
                            <a:srgbClr val="000000"/>
                          </a:solidFill>
                          <a:effectLst/>
                          <a:highlight>
                            <a:srgbClr val="F2F3EA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Intro</a:t>
                      </a:r>
                      <a:endParaRPr lang="da-DK" sz="1100">
                        <a:effectLst/>
                        <a:highlight>
                          <a:srgbClr val="F2F3EA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3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92148280"/>
                  </a:ext>
                </a:extLst>
              </a:tr>
              <a:tr h="370143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kern="1200">
                          <a:solidFill>
                            <a:srgbClr val="000000"/>
                          </a:solidFill>
                          <a:effectLst/>
                          <a:highlight>
                            <a:srgbClr val="AFC98D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ved studenterunderviser 1</a:t>
                      </a:r>
                      <a:endParaRPr lang="da-DK" sz="1100">
                        <a:effectLst/>
                        <a:highlight>
                          <a:srgbClr val="AFC98D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AFC98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kern="1200">
                          <a:solidFill>
                            <a:srgbClr val="000000"/>
                          </a:solidFill>
                          <a:effectLst/>
                          <a:highlight>
                            <a:srgbClr val="E3E6D3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Faglig del</a:t>
                      </a:r>
                      <a:endParaRPr lang="da-DK" sz="1100">
                        <a:effectLst/>
                        <a:highlight>
                          <a:srgbClr val="E3E6D3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3E6D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3760067"/>
                  </a:ext>
                </a:extLst>
              </a:tr>
              <a:tr h="370143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b="1" kern="120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PAUSE</a:t>
                      </a:r>
                      <a:endParaRPr lang="da-DK" sz="1100">
                        <a:effectLst/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</a:pPr>
                      <a:endParaRPr lang="da-DK" sz="1100">
                        <a:effectLst/>
                        <a:latin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53536182"/>
                  </a:ext>
                </a:extLst>
              </a:tr>
              <a:tr h="370143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b="1" kern="1200">
                          <a:solidFill>
                            <a:srgbClr val="000000"/>
                          </a:solidFill>
                          <a:effectLst/>
                          <a:highlight>
                            <a:srgbClr val="AFC98D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2. MODUL</a:t>
                      </a:r>
                      <a:endParaRPr lang="da-DK" sz="1100">
                        <a:effectLst/>
                        <a:highlight>
                          <a:srgbClr val="AFC98D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AFC98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kern="1200">
                          <a:solidFill>
                            <a:srgbClr val="000000"/>
                          </a:solidFill>
                          <a:effectLst/>
                          <a:highlight>
                            <a:srgbClr val="E3E6D3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Oplæg om livet som studerende </a:t>
                      </a:r>
                      <a:r>
                        <a:rPr lang="da-DK" sz="1200" kern="1200">
                          <a:solidFill>
                            <a:srgbClr val="000000"/>
                          </a:solidFill>
                          <a:effectLst/>
                          <a:highlight>
                            <a:srgbClr val="E3E6D3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(ved studenterunderviser 1)</a:t>
                      </a:r>
                      <a:endParaRPr lang="da-DK" sz="1100">
                        <a:effectLst/>
                        <a:highlight>
                          <a:srgbClr val="E3E6D3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3E6D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1115397"/>
                  </a:ext>
                </a:extLst>
              </a:tr>
              <a:tr h="370143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</a:pPr>
                      <a:endParaRPr lang="da-DK" sz="1100">
                        <a:effectLst/>
                        <a:highlight>
                          <a:srgbClr val="AFC98D"/>
                        </a:highlight>
                        <a:latin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AFC98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kern="1200">
                          <a:solidFill>
                            <a:srgbClr val="000000"/>
                          </a:solidFill>
                          <a:effectLst/>
                          <a:highlight>
                            <a:srgbClr val="F2F3EA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Uddannelsescafé </a:t>
                      </a:r>
                      <a:r>
                        <a:rPr lang="da-DK" sz="1200" kern="1200">
                          <a:solidFill>
                            <a:srgbClr val="000000"/>
                          </a:solidFill>
                          <a:effectLst/>
                          <a:highlight>
                            <a:srgbClr val="F2F3EA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(alle) </a:t>
                      </a:r>
                      <a:endParaRPr lang="da-DK" sz="1100">
                        <a:effectLst/>
                        <a:highlight>
                          <a:srgbClr val="F2F3EA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3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59733735"/>
                  </a:ext>
                </a:extLst>
              </a:tr>
              <a:tr h="370143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b="1" kern="120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SPISEPAUSE</a:t>
                      </a:r>
                      <a:endParaRPr lang="da-DK" sz="1100">
                        <a:effectLst/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</a:pPr>
                      <a:endParaRPr lang="da-DK" sz="1100">
                        <a:effectLst/>
                        <a:latin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9842682"/>
                  </a:ext>
                </a:extLst>
              </a:tr>
              <a:tr h="666827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b="1" kern="1200">
                          <a:solidFill>
                            <a:srgbClr val="000000"/>
                          </a:solidFill>
                          <a:effectLst/>
                          <a:highlight>
                            <a:srgbClr val="AFC98D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. MODUL</a:t>
                      </a:r>
                      <a:endParaRPr lang="da-DK" sz="1100">
                        <a:effectLst/>
                        <a:highlight>
                          <a:srgbClr val="AFC98D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kern="1200">
                          <a:solidFill>
                            <a:srgbClr val="000000"/>
                          </a:solidFill>
                          <a:effectLst/>
                          <a:highlight>
                            <a:srgbClr val="AFC98D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ved studenterunderviser 2</a:t>
                      </a:r>
                      <a:endParaRPr lang="da-DK" sz="1100">
                        <a:effectLst/>
                        <a:highlight>
                          <a:srgbClr val="AFC98D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AFC98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kern="1200">
                          <a:solidFill>
                            <a:srgbClr val="000000"/>
                          </a:solidFill>
                          <a:effectLst/>
                          <a:highlight>
                            <a:srgbClr val="F2F3EA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Faglig del</a:t>
                      </a:r>
                      <a:endParaRPr lang="da-DK" sz="1100">
                        <a:effectLst/>
                        <a:highlight>
                          <a:srgbClr val="F2F3EA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3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02998845"/>
                  </a:ext>
                </a:extLst>
              </a:tr>
              <a:tr h="370143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</a:pPr>
                      <a:endParaRPr lang="da-DK" sz="1100">
                        <a:effectLst/>
                        <a:highlight>
                          <a:srgbClr val="AFC98D"/>
                        </a:highlight>
                        <a:latin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AFC98D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nb-NO" sz="1800" kern="1200" dirty="0">
                          <a:solidFill>
                            <a:srgbClr val="000000"/>
                          </a:solidFill>
                          <a:effectLst/>
                          <a:highlight>
                            <a:srgbClr val="E3E6D3"/>
                          </a:highlight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Evaluering og tak for i dag</a:t>
                      </a:r>
                      <a:endParaRPr lang="da-DK" sz="1100" dirty="0">
                        <a:effectLst/>
                        <a:highlight>
                          <a:srgbClr val="E3E6D3"/>
                        </a:highlight>
                        <a:latin typeface="Arial" panose="020B0604020202020204" pitchFamily="34" charset="0"/>
                        <a:ea typeface="Arial" panose="020B060402020202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91268" marR="91268" marT="45634" marB="45634">
                    <a:lnL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AEB86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3E6D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36707499"/>
                  </a:ext>
                </a:extLst>
              </a:tr>
            </a:tbl>
          </a:graphicData>
        </a:graphic>
      </p:graphicFrame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1FD3BE0-5302-823F-34B7-F691477E8A7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D9277BAF-7DD5-4629-B2D7-8C772BB9DFFD}" type="datetime1">
              <a:rPr lang="da-DK" smtClean="0"/>
              <a:t>21-10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EA5A77A-7342-33A9-223D-A29C2FD5AF6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7B092E44-93F8-2109-1DC3-A12AB41EB9C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4492660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9EB896B-D6D5-56E0-B1EF-7BDD2022759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Hvilke uddannelser kan </a:t>
            </a:r>
            <a:r>
              <a:rPr lang="da-DK"/>
              <a:t>du møde </a:t>
            </a:r>
            <a:r>
              <a:rPr lang="da-DK" dirty="0"/>
              <a:t>i dag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11C9C49-3409-445A-CE77-9E25B1875F6C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1989138"/>
            <a:ext cx="10090744" cy="3689688"/>
          </a:xfrm>
        </p:spPr>
        <p:txBody>
          <a:bodyPr/>
          <a:lstStyle/>
          <a:p>
            <a:pPr marL="0" indent="0">
              <a:buNone/>
            </a:pPr>
            <a:endParaRPr lang="da-DK" sz="1800" b="1" dirty="0"/>
          </a:p>
          <a:p>
            <a:pPr marL="0" indent="0">
              <a:buNone/>
            </a:pPr>
            <a:endParaRPr lang="da-DK" sz="1800" b="1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4F5D088-FAE8-D5FB-674F-2D36B0A1ACB8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50B9415-B93D-462F-A33E-507AEAC2AF39}" type="datetime1">
              <a:rPr lang="da-DK" smtClean="0"/>
              <a:t>21-10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99186C0-027D-8312-6669-80D4253F223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891A688C-83D9-0A5D-F3AD-74DEB2F3A1F3}"/>
              </a:ext>
            </a:extLst>
          </p:cNvPr>
          <p:cNvSpPr txBox="1"/>
          <p:nvPr/>
        </p:nvSpPr>
        <p:spPr>
          <a:xfrm>
            <a:off x="414695" y="1802736"/>
            <a:ext cx="3191629" cy="42318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Amerikanske Studier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Audiologopædi</a:t>
            </a:r>
            <a:endParaRPr lang="da-DK" sz="16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Biologi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Biomedicin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Biomekanik (kiropraktor)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Bygningsteknik </a:t>
            </a: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(ingeniør)</a:t>
            </a:r>
            <a:endParaRPr lang="da-DK" sz="16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Dansk 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Engelsk 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Engineering, innovation and business (ingeniør)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Erhvervsøkonomi (HA)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endParaRPr lang="da-DK" sz="18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7BC3A647-80BE-EE68-4A11-30C9AFA4EAC3}"/>
              </a:ext>
            </a:extLst>
          </p:cNvPr>
          <p:cNvSpPr txBox="1"/>
          <p:nvPr/>
        </p:nvSpPr>
        <p:spPr>
          <a:xfrm>
            <a:off x="7589519" y="1802736"/>
            <a:ext cx="4187785" cy="44542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Matematik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Medicin 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Medievidenskab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 err="1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Negot</a:t>
            </a: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 (erhvervssprog og –økonomi)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Operations management (ingeniør)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Produktudvikling og innovation (ingeniør)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Psykologi 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Spiludvikling (ingeniør)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Statskundskab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Økonomi</a:t>
            </a:r>
            <a:endParaRPr lang="da-DK" sz="16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endParaRPr lang="da-DK" sz="1600" dirty="0"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endParaRPr lang="da-DK" sz="28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4FEA3DEF-5886-4C3C-D4A7-1F0D2AC8B4E5}"/>
              </a:ext>
            </a:extLst>
          </p:cNvPr>
          <p:cNvSpPr txBox="1"/>
          <p:nvPr/>
        </p:nvSpPr>
        <p:spPr>
          <a:xfrm>
            <a:off x="3401568" y="1794490"/>
            <a:ext cx="3959352" cy="373640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Erhvervsøkonomi og –jura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Europæiske Studier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Farmaci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Global ledelse og design af produktionsnetværk</a:t>
            </a:r>
            <a:br>
              <a:rPr lang="da-DK" sz="1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</a:br>
            <a:r>
              <a:rPr lang="da-DK" sz="1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(ingeniør)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Idræt og sundhed 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Integreret Design (ingeniør)</a:t>
            </a:r>
            <a:endParaRPr lang="da-DK" sz="16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Journalistik 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Kunstig intelligens</a:t>
            </a:r>
            <a:endParaRPr lang="da-DK" sz="16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Market and management </a:t>
            </a:r>
            <a:r>
              <a:rPr lang="da-DK" sz="1600" dirty="0" err="1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anthropology</a:t>
            </a:r>
            <a:endParaRPr lang="da-DK" sz="1600" dirty="0"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102341187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074C7A5-1DCC-99F2-BBFC-0215C80F511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4331475" cy="701040"/>
          </a:xfrm>
        </p:spPr>
        <p:txBody>
          <a:bodyPr/>
          <a:lstStyle/>
          <a:p>
            <a:r>
              <a:rPr lang="da-DK" dirty="0"/>
              <a:t>Hvad skal/kan man spørge den/de studerende om?</a:t>
            </a:r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2F4A58A9-CFFF-54E7-0220-3B59DE2E9BE3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1228841" y="2786156"/>
            <a:ext cx="2938527" cy="3316511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9DCDBE8-0285-1ED9-1D08-E86DAC71F23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C3450F0-8DD3-4A18-9720-D49E7C5F69C6}" type="datetime1">
              <a:rPr lang="da-DK" smtClean="0"/>
              <a:t>21-10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DD11C23-7665-CB06-4A8E-5B9C1F8F38C2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968F0029-84F5-933E-4B32-03D83928A942}"/>
              </a:ext>
            </a:extLst>
          </p:cNvPr>
          <p:cNvSpPr txBox="1"/>
          <p:nvPr/>
        </p:nvSpPr>
        <p:spPr>
          <a:xfrm>
            <a:off x="5338354" y="999173"/>
            <a:ext cx="6097554" cy="526297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vad er det sjoveste/mest anstrengende ved dit studie?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vorfor skal man vælge netop den her uddannelse?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vordan blev du sikker på dit valg?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vordan bruger du din studentereksamen i forbindelse med din </a:t>
            </a:r>
            <a:r>
              <a:rPr lang="da-DK" sz="1600">
                <a:solidFill>
                  <a:srgbClr val="000000"/>
                </a:solidFill>
                <a:latin typeface="Arial"/>
              </a:rPr>
              <a:t>uddannelse</a:t>
            </a:r>
            <a:r>
              <a:rPr kumimoji="0" lang="da-DK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?</a:t>
            </a: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Er der noget, der har overrasket dig positivt/negativt?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ig tre gode ting om din uddannels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Er der noget i din hverdag, du som studerende ville gøre anderledes, hvis du kunne?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vad vil du med det? Hvad med lønnen?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vordan er det samme fag interessant i 5 år?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v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vervejede du 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ob-mulighede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 inden du valgte uddannelse?</a:t>
            </a:r>
          </a:p>
        </p:txBody>
      </p:sp>
    </p:spTree>
    <p:extLst>
      <p:ext uri="{BB962C8B-B14F-4D97-AF65-F5344CB8AC3E}">
        <p14:creationId xmlns:p14="http://schemas.microsoft.com/office/powerpoint/2010/main" val="22564907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2E73253-4104-4CD8-6C9E-755C7A329C2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Virkeligt veloplagte værter…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CC8DDA4-77A0-9E53-3948-51756190238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51D3B36-7BBA-4FC0-9B23-70666694922B}" type="datetime1">
              <a:rPr lang="da-DK" smtClean="0"/>
              <a:t>21-10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8DCCB8F-E7F7-1966-B7ED-91F1FACCC5F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B1A137BE-4FE6-1DE1-0DE1-B481325A6791}"/>
              </a:ext>
            </a:extLst>
          </p:cNvPr>
          <p:cNvSpPr txBox="1"/>
          <p:nvPr/>
        </p:nvSpPr>
        <p:spPr>
          <a:xfrm>
            <a:off x="6096000" y="1455009"/>
            <a:ext cx="6096000" cy="6544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None/>
              <a:tabLst/>
              <a:defRPr/>
            </a:pPr>
            <a:r>
              <a:rPr kumimoji="0" lang="da-DK" sz="3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 håber vi, I vil være</a:t>
            </a:r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A6FCF467-F96C-5A8B-530C-5D3F17A6F3FC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849767" y="2529069"/>
            <a:ext cx="1755609" cy="1198200"/>
          </a:xfrm>
          <a:prstGeom prst="wedgeRectCallou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rgbClr val="AEB86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Vælg/udpeg 2 værtselever pr. klasse</a:t>
            </a:r>
          </a:p>
        </p:txBody>
      </p:sp>
      <p:sp>
        <p:nvSpPr>
          <p:cNvPr id="10" name="Taleboble: oval 9">
            <a:extLst>
              <a:ext uri="{FF2B5EF4-FFF2-40B4-BE49-F238E27FC236}">
                <a16:creationId xmlns:a16="http://schemas.microsoft.com/office/drawing/2014/main" id="{2DBC2D69-4595-4DC8-4F6A-07F28712EC3D}"/>
              </a:ext>
            </a:extLst>
          </p:cNvPr>
          <p:cNvSpPr/>
          <p:nvPr/>
        </p:nvSpPr>
        <p:spPr>
          <a:xfrm>
            <a:off x="4606834" y="2351089"/>
            <a:ext cx="1755609" cy="1463266"/>
          </a:xfrm>
          <a:prstGeom prst="wedgeEllipseCallout">
            <a:avLst/>
          </a:prstGeom>
          <a:solidFill>
            <a:schemeClr val="accent2">
              <a:lumMod val="20000"/>
              <a:lumOff val="80000"/>
            </a:scheme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Vis interesse og deltagelse</a:t>
            </a:r>
          </a:p>
        </p:txBody>
      </p:sp>
      <p:sp>
        <p:nvSpPr>
          <p:cNvPr id="11" name="Taleboble: rektangel med afrundede hjørner 10">
            <a:extLst>
              <a:ext uri="{FF2B5EF4-FFF2-40B4-BE49-F238E27FC236}">
                <a16:creationId xmlns:a16="http://schemas.microsoft.com/office/drawing/2014/main" id="{AE7DF361-6013-1A08-571C-F4305C42FD3D}"/>
              </a:ext>
            </a:extLst>
          </p:cNvPr>
          <p:cNvSpPr/>
          <p:nvPr/>
        </p:nvSpPr>
        <p:spPr>
          <a:xfrm flipH="1">
            <a:off x="8790615" y="2631347"/>
            <a:ext cx="1838325" cy="1276350"/>
          </a:xfrm>
          <a:prstGeom prst="wedgeRoundRectCallout">
            <a:avLst/>
          </a:prstGeom>
          <a:solidFill>
            <a:schemeClr val="accent6">
              <a:lumMod val="40000"/>
              <a:lumOff val="60000"/>
            </a:schemeClr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Vær forberedte</a:t>
            </a:r>
          </a:p>
          <a:p>
            <a:pPr algn="ctr"/>
            <a:r>
              <a:rPr lang="da-DK" dirty="0">
                <a:solidFill>
                  <a:schemeClr val="tx1"/>
                </a:solidFill>
              </a:rPr>
              <a:t>(se næste slide)</a:t>
            </a:r>
          </a:p>
        </p:txBody>
      </p:sp>
      <p:sp>
        <p:nvSpPr>
          <p:cNvPr id="12" name="Taleboble: rektangel med afrundede hjørner 11">
            <a:extLst>
              <a:ext uri="{FF2B5EF4-FFF2-40B4-BE49-F238E27FC236}">
                <a16:creationId xmlns:a16="http://schemas.microsoft.com/office/drawing/2014/main" id="{89E8A7D8-7A5B-8E39-F57E-67CA811015DE}"/>
              </a:ext>
            </a:extLst>
          </p:cNvPr>
          <p:cNvSpPr/>
          <p:nvPr/>
        </p:nvSpPr>
        <p:spPr>
          <a:xfrm flipH="1">
            <a:off x="2841732" y="4201477"/>
            <a:ext cx="1847848" cy="1657350"/>
          </a:xfrm>
          <a:prstGeom prst="wedgeRoundRectCallou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Vær nysgerrige og stil spørgsmål</a:t>
            </a:r>
          </a:p>
        </p:txBody>
      </p:sp>
      <p:sp>
        <p:nvSpPr>
          <p:cNvPr id="13" name="Tankeboble: sky 12">
            <a:extLst>
              <a:ext uri="{FF2B5EF4-FFF2-40B4-BE49-F238E27FC236}">
                <a16:creationId xmlns:a16="http://schemas.microsoft.com/office/drawing/2014/main" id="{3A5ECC5D-4B0B-FF49-258A-35E6FA95A64B}"/>
              </a:ext>
            </a:extLst>
          </p:cNvPr>
          <p:cNvSpPr/>
          <p:nvPr/>
        </p:nvSpPr>
        <p:spPr>
          <a:xfrm flipH="1">
            <a:off x="6362443" y="3948788"/>
            <a:ext cx="2572008" cy="2031364"/>
          </a:xfrm>
          <a:prstGeom prst="cloudCallout">
            <a:avLst/>
          </a:prstGeom>
          <a:solidFill>
            <a:schemeClr val="accent1">
              <a:lumMod val="60000"/>
              <a:lumOff val="40000"/>
            </a:scheme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Støt hinanden og underviseren i at skabe et godt rum at være i</a:t>
            </a:r>
          </a:p>
        </p:txBody>
      </p:sp>
    </p:spTree>
    <p:extLst>
      <p:ext uri="{BB962C8B-B14F-4D97-AF65-F5344CB8AC3E}">
        <p14:creationId xmlns:p14="http://schemas.microsoft.com/office/powerpoint/2010/main" val="624365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1" grpId="0" animBg="1"/>
      <p:bldP spid="12" grpId="0" animBg="1"/>
      <p:bldP spid="13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79684A8-60D8-5060-99C1-7F81CEC60B5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Forberedelsesark</a:t>
            </a:r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B3F872EA-4A6C-4894-D0CD-2418628B4EBA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4527792" y="1097766"/>
            <a:ext cx="7103190" cy="4509134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53A9DA4-B611-3ECB-01BA-7957A9A6AB5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02D3972D-7262-44F9-9F08-5F698A79A2FC}" type="datetime1">
              <a:rPr lang="da-DK" smtClean="0"/>
              <a:t>21-10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F1AA3FA-6F2B-B1F0-923E-0C86C4A9DD7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8" name="Pil: højre 7">
            <a:extLst>
              <a:ext uri="{FF2B5EF4-FFF2-40B4-BE49-F238E27FC236}">
                <a16:creationId xmlns:a16="http://schemas.microsoft.com/office/drawing/2014/main" id="{64EC4ACD-2CE2-61E8-F708-569BDD0E6839}"/>
              </a:ext>
            </a:extLst>
          </p:cNvPr>
          <p:cNvSpPr/>
          <p:nvPr/>
        </p:nvSpPr>
        <p:spPr>
          <a:xfrm rot="20735882">
            <a:off x="3524878" y="5217122"/>
            <a:ext cx="1315116" cy="562160"/>
          </a:xfrm>
          <a:prstGeom prst="rightArrow">
            <a:avLst/>
          </a:prstGeom>
          <a:solidFill>
            <a:schemeClr val="accent2">
              <a:lumMod val="60000"/>
              <a:lumOff val="4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245806797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1A287E2-DD34-8B85-A941-2EA22752ECB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B9C941ED-E85A-58F3-37FA-EE30D1E8B628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0" y="468885"/>
            <a:ext cx="12192000" cy="6245578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12FDDE0-70F0-D938-D36A-1BB52C6082D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2525C7A8-79EF-47FC-81B1-1F5709C85AD3}" type="datetime1">
              <a:rPr lang="da-DK" smtClean="0"/>
              <a:t>21-10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DD74B31-91E2-3FF7-E5CD-6EEBC75DEB56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BE2D119B-1E10-69A4-05E0-D57AC62BBC7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r>
              <a:rPr lang="da-DK" u="sng">
                <a:hlinkClick r:id="rId3" tooltip="http://www.sdu.dk/da/sdutakeover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sdu.dk/da/sdutakeover</a:t>
            </a:r>
            <a:endParaRPr lang="da-DK" dirty="0"/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113A4A54-F0AC-8EF3-F110-2E764281B25F}"/>
              </a:ext>
            </a:extLst>
          </p:cNvPr>
          <p:cNvSpPr/>
          <p:nvPr/>
        </p:nvSpPr>
        <p:spPr>
          <a:xfrm>
            <a:off x="0" y="1571625"/>
            <a:ext cx="6629400" cy="185737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9600" b="1" dirty="0">
                <a:solidFill>
                  <a:schemeClr val="tx1"/>
                </a:solidFill>
              </a:rPr>
              <a:t>Vi ses!</a:t>
            </a:r>
          </a:p>
        </p:txBody>
      </p:sp>
    </p:spTree>
    <p:extLst>
      <p:ext uri="{BB962C8B-B14F-4D97-AF65-F5344CB8AC3E}">
        <p14:creationId xmlns:p14="http://schemas.microsoft.com/office/powerpoint/2010/main" val="1159807556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1_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902738792503587","enableDocumentContentUpdater":tru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9557565CA9A9D64499A1A6985B7BBDA1" ma:contentTypeVersion="18" ma:contentTypeDescription="Opret et nyt dokument." ma:contentTypeScope="" ma:versionID="9e49de4bd254356bfee9189dc5d995b9">
  <xsd:schema xmlns:xsd="http://www.w3.org/2001/XMLSchema" xmlns:xs="http://www.w3.org/2001/XMLSchema" xmlns:p="http://schemas.microsoft.com/office/2006/metadata/properties" xmlns:ns2="aeea800b-334e-4cd1-b383-e92d1f3c867e" xmlns:ns3="4ce034c3-338c-4a8f-9cae-7e5cca226d09" targetNamespace="http://schemas.microsoft.com/office/2006/metadata/properties" ma:root="true" ma:fieldsID="44873ae32c0c3172d31e50c17074e3dc" ns2:_="" ns3:_="">
    <xsd:import namespace="aeea800b-334e-4cd1-b383-e92d1f3c867e"/>
    <xsd:import namespace="4ce034c3-338c-4a8f-9cae-7e5cca226d0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TaxCatchAll" minOccurs="0"/>
                <xsd:element ref="ns2:lcf76f155ced4ddcb4097134ff3c332f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eea800b-334e-4cd1-b383-e92d1f3c867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ce034c3-338c-4a8f-9cae-7e5cca226d09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3fce264f-d98b-42d0-90b4-f5e026732e48}" ma:internalName="TaxCatchAll" ma:showField="CatchAllData" ma:web="4ce034c3-338c-4a8f-9cae-7e5cca226d0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TemplafySlideTemplateConfiguration><![CDATA[{"slideVersion":1,"isValidatorEnabled":false,"isLocked":false,"elementsMetadata":[],"slideId":"637902738792488045","enableDocumentContentUpdater":true,"version":"2.0"}]]></TemplafySlideTemplateConfiguration>
</file>

<file path=customXml/item14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,{"elementConfiguration":{"binding":"{{FormatDateTime(Form.Date,Translate(\"Format_DateCustomB\"),DocumentLanguage)}}","disableUpdates":false,"type":"text"},"type":"shape"}],"slideId":"637902738792462437","enableDocumentContentUpdater":tru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TemplateConfiguration><![CDATA[{"elementsMetadata":[{"type":"shape","id":"09443a29-c62e-46d5-801c-05fb52283746","elementConfiguration":{"binding":"{{UserProfile.Institut.Institute}}","type":"text","disableUpdates":false}},{"type":"shape","id":"ea9ff387-226d-4148-a4eb-0633d2d278df","elementConfiguration":{"binding":"{{FormatDateTime(Form.Date,Translate(\"Format_DateCustomB\"),DocumentLanguage)}}","type":"text","disableUpdates":false}},{"type":"shape","id":"b867f567-e8c4-44bd-8352-040a90f4dcfe","elementConfiguration":{"binding":"{{UserProfile.Institut.Institute}}","type":"text","disableUpdates":false}},{"type":"shape","id":"8182f58c-0ff2-43cb-902e-ef56d7a68f53","elementConfiguration":{"binding":"{{FormatDateTime(Form.Date,Translate(\"Format_DateCustomB\"),DocumentLanguage)}}","type":"text","disableUpdates":false}},{"type":"shape","id":"a9ec91cd-a83a-4b91-8f83-320c3789d742","elementConfiguration":{"binding":"{{UserProfile.Institut.Institute}}","type":"text","disableUpdates":false}},{"type":"shape","id":"2a389d6a-ff9f-404e-9ae4-55db5ff5b298","elementConfiguration":{"binding":"{{FormatDateTime(Form.Date,Translate(\"Format_DateCustomB\"),DocumentLanguage)}}","type":"text","disableUpdates":false}},{"type":"shape","id":"176e7d14-36b2-483f-8b79-e56335a95892","elementConfiguration":{"binding":"{{UserProfile.Institut.Institute}}","type":"text","disableUpdates":false}},{"type":"shape","id":"95e05251-98b9-4794-aea6-e829722dbf98","elementConfiguration":{"binding":"{{UserProfile.Institut.Institute}}","type":"text","disableUpdates":false}},{"type":"shape","id":"1c319b42-eb87-44db-8103-c363c809c7d8","elementConfiguration":{"binding":"{{FormatDateTime(Form.Date,Translate(\"Format_DateCustomB\"),DocumentLanguage)}}","type":"text","disableUpdates":false}},{"type":"shape","id":"fcfa9502-8e3c-4688-aff6-f19a228884c4","elementConfiguration":{"binding":"{{UserProfile.Institut.Institute}}","type":"text","disableUpdates":false}},{"type":"shape","id":"3eb0b907-9b69-40e6-a55d-85b7836b498f","elementConfiguration":{"binding":"{{FormatDateTime(Form.Date,Translate(\"Format_DateCustomB\"),DocumentLanguage)}}","type":"text","disableUpdates":false}},{"type":"shape","id":"e3d22dc3-ed61-4949-8b19-ba1aa17a20db","elementConfiguration":{"binding":"{{UserProfile.Institut.Institute}}","type":"text","disableUpdates":false}},{"type":"shape","id":"27ffc5c8-6b06-42f3-a0c1-1b64f2e9d6c4","elementConfiguration":{"binding":"{{FormatDateTime(Form.Date,Translate(\"Format_DateCustomB\"),DocumentLanguage)}}","type":"text","disableUpdates":false}},{"type":"shape","id":"621c801f-15f6-4699-8ef5-3ddf7ef34ca5","elementConfiguration":{"binding":"{{UserProfile.Institut.Institute}}","type":"text","disableUpdates":false}},{"type":"shape","id":"51d3cebb-6665-4458-9ed4-1302615a406f","elementConfiguration":{"binding":"{{FormatDateTime(Form.Date,Translate(\"Format_DateCustomB\"),DocumentLanguage)}}","type":"text","disableUpdates":false}},{"type":"shape","id":"3d7a75f5-19fd-4b34-ba72-93f7fd9ace9d","elementConfiguration":{"binding":"{{UserProfile.Institut.Institute}}","type":"text","disableUpdates":false}},{"type":"shape","id":"c04173b7-d0c2-4231-ac06-f9cd6e56523d","elementConfiguration":{"binding":"{{FormatDateTime(Form.Date,Translate(\"Format_DateCustomB\"),DocumentLanguage)}}","type":"text","disableUpdates":false}},{"type":"shape","id":"729781dd-6063-43d0-be4d-797fc301b6cc","elementConfiguration":{"binding":"{{UserProfile.Institut.Institute}}","type":"text","disableUpdates":false}},{"type":"shape","id":"f4d5267f-1f3f-4d0a-8ff4-f74b7c04eca9","elementConfiguration":{"binding":"{{UserProfile.Institut.Institute}}","type":"text","disableUpdates":false}},{"type":"shape","id":"a508036c-0ba6-4328-ad6d-9e2839abb68b","elementConfiguration":{"binding":"{{FormatDateTime(Form.Date,Translate(\"Format_DateCustomB\"),DocumentLanguage)}}","type":"text","disableUpdates":false}},{"type":"shape","id":"0b8187b0-a2f5-47a8-8e0a-2113784963ad","elementConfiguration":{"binding":"{{UserProfile.Institut.Institute}}","type":"text","disableUpdates":false}},{"type":"shape","id":"d3044e56-a7bc-4364-9159-dcb856ce61ca","elementConfiguration":{"binding":"{{FormatDateTime(Form.Date,Translate(\"Format_DateCustomB\"),DocumentLanguage)}}","type":"text","disableUpdates":false}},{"type":"shape","id":"2fcdb714-4604-464a-9fa4-750607fc8ba9","elementConfiguration":{"binding":"{{UserProfile.Institut.Institute}}","type":"text","disableUpdates":false}},{"type":"shape","id":"c6f32dcb-b3e2-4c5d-92f9-95be5ab17b97","elementConfiguration":{"binding":"{{FormatDateTime(Form.Date,Translate(\"Format_DateCustomB\"),DocumentLanguage)}}","type":"text","disableUpdates":false}},{"type":"shape","id":"a536711a-f200-4852-a563-9154372eb673","elementConfiguration":{"binding":"{{UserProfile.Institut.Institute}}","type":"text","disableUpdates":false}},{"type":"shape","id":"9107cfd4-2797-45a7-957f-1de69f52442a","elementConfiguration":{"binding":"{{FormatDateTime(Form.Date,Translate(\"Format_DateCustomB\"),DocumentLanguage)}}","type":"text","disableUpdates":false}}],"transformationConfigurations":[{"language":"{{DocumentLanguage}}","disableUpdates":false,"type":"proofingLanguage"}],"templateName":"SDU-Takeover-template","templateDescription":"","enableDocumentContentUpdater":true,"version":"2.0"}]]></Templafy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,{"elementConfiguration":{"binding":"{{FormatDateTime(Form.Date,Translate(\"Format_DateCustomB\"),DocumentLanguage)}}","disableUpdates":false,"type":"text"},"type":"shape"}],"slideId":"637902738792440381","enableDocumentContentUpdater":tru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7902738792447462","enableDocumentContentUpdater":true,"version":"2.0"}]]></TemplafySlideTemplateConfiguration>
</file>

<file path=customXml/item23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,{"elementConfiguration":{"binding":"{{FormatDateTime(Form.Date,Translate(\"Format_DateCustomB\"),DocumentLanguage)}}","disableUpdates":false,"type":"text"},"type":"shape"}],"slideId":"637902738792454378","enableDocumentContentUpdater":tru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7902738792496682","enableDocumentContentUpdater":true,"version":"2.0"}]]></TemplafySlideTemplateConfiguration>
</file>

<file path=customXml/item26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02738792470891","enableDocumentContentUpdater":tru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FormConfiguration><![CDATA[{"formFields":[{"required":false,"helpTexts":{"prefix":"","postfix":""},"spacing":{},"shareValue":false,"type":"datePicker","name":"Date","label":"Date"}],"formDataEntries":[]}]]></TemplafyFormConfiguration>
</file>

<file path=customXml/item31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,{"elementConfiguration":{"binding":"{{FormatDateTime(Form.Date,Translate(\"Format_DateCustomB\"),DocumentLanguage)}}","disableUpdates":false,"type":"text"},"type":"shape"}],"slideId":"637902738792479555","enableDocumentContentUpdater":tru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1,"isValidatorEnabled":false,"isLocked":false,"elementsMetadata":[],"slideId":"637916591699806323","enableDocumentContentUpdater":true,"version":"2.0"}]]></TemplafySlideTemplateConfiguration>
</file>

<file path=customXml/item4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,{"elementConfiguration":{"binding":"{{FormatDateTime(Form.Date,Translate(\"Format_DateCustomB\"),DocumentLanguage)}}","disableUpdates":false,"type":"text"},"type":"shape"}],"slideId":"637902738792425439","enableDocumentContentUpdater":true,"version":"2.0"}]]></TemplafySlideTemplateConfiguration>
</file>

<file path=customXml/item5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,{"elementConfiguration":{"binding":"{{FormatDateTime(Form.Date,Translate(\"Format_DateCustomB\"),DocumentLanguage)}}","disableUpdates":false,"type":"text"},"type":"shape"}],"slideId":"637902738792523171","enableDocumentContentUpdater":tru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902738792532242","enableDocumentContentUpdater":true,"version":"2.0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aeea800b-334e-4cd1-b383-e92d1f3c867e">
      <Terms xmlns="http://schemas.microsoft.com/office/infopath/2007/PartnerControls"/>
    </lcf76f155ced4ddcb4097134ff3c332f>
    <TaxCatchAll xmlns="4ce034c3-338c-4a8f-9cae-7e5cca226d09" xsi:nil="true"/>
  </documentManagement>
</p:properties>
</file>

<file path=customXml/item8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,{"elementConfiguration":{"binding":"{{FormatDateTime(Form.Date,Translate(\"Format_DateCustomB\"),DocumentLanguage)}}","disableUpdates":false,"type":"text"},"type":"shape"}],"slideId":"637902738792417066","enableDocumentContentUpdater":tru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7902738792516067","enableDocumentContentUpdater":true,"version":"2.0"}]]></TemplafySlideTemplateConfiguration>
</file>

<file path=customXml/itemProps1.xml><?xml version="1.0" encoding="utf-8"?>
<ds:datastoreItem xmlns:ds="http://schemas.openxmlformats.org/officeDocument/2006/customXml" ds:itemID="{D0688CFD-82DB-43CD-8984-E850371D850F}">
  <ds:schemaRefs/>
</ds:datastoreItem>
</file>

<file path=customXml/itemProps10.xml><?xml version="1.0" encoding="utf-8"?>
<ds:datastoreItem xmlns:ds="http://schemas.openxmlformats.org/officeDocument/2006/customXml" ds:itemID="{AD853561-0684-44E3-AD44-5FC2461A9BA1}">
  <ds:schemaRefs/>
</ds:datastoreItem>
</file>

<file path=customXml/itemProps11.xml><?xml version="1.0" encoding="utf-8"?>
<ds:datastoreItem xmlns:ds="http://schemas.openxmlformats.org/officeDocument/2006/customXml" ds:itemID="{59413F36-46DB-4441-9E33-4CC730A14BA9}">
  <ds:schemaRefs/>
</ds:datastoreItem>
</file>

<file path=customXml/itemProps12.xml><?xml version="1.0" encoding="utf-8"?>
<ds:datastoreItem xmlns:ds="http://schemas.openxmlformats.org/officeDocument/2006/customXml" ds:itemID="{7B92065B-DDF9-4307-9F1A-72BE0AD7D97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eea800b-334e-4cd1-b383-e92d1f3c867e"/>
    <ds:schemaRef ds:uri="4ce034c3-338c-4a8f-9cae-7e5cca226d0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3.xml><?xml version="1.0" encoding="utf-8"?>
<ds:datastoreItem xmlns:ds="http://schemas.openxmlformats.org/officeDocument/2006/customXml" ds:itemID="{12AAEFAA-488B-4613-B61C-8C050760FBEC}">
  <ds:schemaRefs/>
</ds:datastoreItem>
</file>

<file path=customXml/itemProps14.xml><?xml version="1.0" encoding="utf-8"?>
<ds:datastoreItem xmlns:ds="http://schemas.openxmlformats.org/officeDocument/2006/customXml" ds:itemID="{61049392-9824-46E8-B53B-071ADFE52D03}">
  <ds:schemaRefs/>
</ds:datastoreItem>
</file>

<file path=customXml/itemProps15.xml><?xml version="1.0" encoding="utf-8"?>
<ds:datastoreItem xmlns:ds="http://schemas.openxmlformats.org/officeDocument/2006/customXml" ds:itemID="{6B0D700A-B574-468F-8B57-017D5DD2185D}">
  <ds:schemaRefs/>
</ds:datastoreItem>
</file>

<file path=customXml/itemProps16.xml><?xml version="1.0" encoding="utf-8"?>
<ds:datastoreItem xmlns:ds="http://schemas.openxmlformats.org/officeDocument/2006/customXml" ds:itemID="{AB6030D5-BCDD-426E-8913-152EAE6D3877}">
  <ds:schemaRefs/>
</ds:datastoreItem>
</file>

<file path=customXml/itemProps17.xml><?xml version="1.0" encoding="utf-8"?>
<ds:datastoreItem xmlns:ds="http://schemas.openxmlformats.org/officeDocument/2006/customXml" ds:itemID="{EACF0A14-ED2E-4A19-ADF3-0D0A3222E90D}">
  <ds:schemaRefs/>
</ds:datastoreItem>
</file>

<file path=customXml/itemProps18.xml><?xml version="1.0" encoding="utf-8"?>
<ds:datastoreItem xmlns:ds="http://schemas.openxmlformats.org/officeDocument/2006/customXml" ds:itemID="{C484C70F-0F64-4774-853F-19FDF7E1F81D}">
  <ds:schemaRefs/>
</ds:datastoreItem>
</file>

<file path=customXml/itemProps19.xml><?xml version="1.0" encoding="utf-8"?>
<ds:datastoreItem xmlns:ds="http://schemas.openxmlformats.org/officeDocument/2006/customXml" ds:itemID="{F2272AAD-8D33-4FB9-9B40-46554F80457C}">
  <ds:schemaRefs/>
</ds:datastoreItem>
</file>

<file path=customXml/itemProps2.xml><?xml version="1.0" encoding="utf-8"?>
<ds:datastoreItem xmlns:ds="http://schemas.openxmlformats.org/officeDocument/2006/customXml" ds:itemID="{537D50E1-E116-4E1F-BBA2-BF976DC0D71C}">
  <ds:schemaRefs/>
</ds:datastoreItem>
</file>

<file path=customXml/itemProps20.xml><?xml version="1.0" encoding="utf-8"?>
<ds:datastoreItem xmlns:ds="http://schemas.openxmlformats.org/officeDocument/2006/customXml" ds:itemID="{FE87C2BA-4D9C-4A03-8ACC-AC033380FDD9}">
  <ds:schemaRefs/>
</ds:datastoreItem>
</file>

<file path=customXml/itemProps21.xml><?xml version="1.0" encoding="utf-8"?>
<ds:datastoreItem xmlns:ds="http://schemas.openxmlformats.org/officeDocument/2006/customXml" ds:itemID="{15345BB6-FFF0-4812-9AF7-D4DE0D3D596A}">
  <ds:schemaRefs/>
</ds:datastoreItem>
</file>

<file path=customXml/itemProps22.xml><?xml version="1.0" encoding="utf-8"?>
<ds:datastoreItem xmlns:ds="http://schemas.openxmlformats.org/officeDocument/2006/customXml" ds:itemID="{D40B8ABF-BCDE-4BFC-8014-3E62B1CE21F5}">
  <ds:schemaRefs/>
</ds:datastoreItem>
</file>

<file path=customXml/itemProps23.xml><?xml version="1.0" encoding="utf-8"?>
<ds:datastoreItem xmlns:ds="http://schemas.openxmlformats.org/officeDocument/2006/customXml" ds:itemID="{3FF30AE2-4030-4619-B981-FE19E0E4A113}">
  <ds:schemaRefs/>
</ds:datastoreItem>
</file>

<file path=customXml/itemProps24.xml><?xml version="1.0" encoding="utf-8"?>
<ds:datastoreItem xmlns:ds="http://schemas.openxmlformats.org/officeDocument/2006/customXml" ds:itemID="{23A422EE-19EB-460A-8CC2-72292EB01E2F}">
  <ds:schemaRefs/>
</ds:datastoreItem>
</file>

<file path=customXml/itemProps25.xml><?xml version="1.0" encoding="utf-8"?>
<ds:datastoreItem xmlns:ds="http://schemas.openxmlformats.org/officeDocument/2006/customXml" ds:itemID="{75EE5595-EB9F-41D4-B2D4-51D62F570062}">
  <ds:schemaRefs/>
</ds:datastoreItem>
</file>

<file path=customXml/itemProps26.xml><?xml version="1.0" encoding="utf-8"?>
<ds:datastoreItem xmlns:ds="http://schemas.openxmlformats.org/officeDocument/2006/customXml" ds:itemID="{F31277A9-97EE-4BA1-BCFA-B539C538A774}">
  <ds:schemaRefs/>
</ds:datastoreItem>
</file>

<file path=customXml/itemProps27.xml><?xml version="1.0" encoding="utf-8"?>
<ds:datastoreItem xmlns:ds="http://schemas.openxmlformats.org/officeDocument/2006/customXml" ds:itemID="{DF8FC11B-2B8F-48E8-89FC-329FD59E3C3C}">
  <ds:schemaRefs/>
</ds:datastoreItem>
</file>

<file path=customXml/itemProps28.xml><?xml version="1.0" encoding="utf-8"?>
<ds:datastoreItem xmlns:ds="http://schemas.openxmlformats.org/officeDocument/2006/customXml" ds:itemID="{6328992E-AE26-492A-B96B-B12F18AF1702}">
  <ds:schemaRefs/>
</ds:datastoreItem>
</file>

<file path=customXml/itemProps29.xml><?xml version="1.0" encoding="utf-8"?>
<ds:datastoreItem xmlns:ds="http://schemas.openxmlformats.org/officeDocument/2006/customXml" ds:itemID="{13904DEA-8253-4BF3-9310-8891F043FA29}">
  <ds:schemaRefs/>
</ds:datastoreItem>
</file>

<file path=customXml/itemProps3.xml><?xml version="1.0" encoding="utf-8"?>
<ds:datastoreItem xmlns:ds="http://schemas.openxmlformats.org/officeDocument/2006/customXml" ds:itemID="{6851A85B-2F43-457A-A79C-603DD5A77068}">
  <ds:schemaRefs/>
</ds:datastoreItem>
</file>

<file path=customXml/itemProps30.xml><?xml version="1.0" encoding="utf-8"?>
<ds:datastoreItem xmlns:ds="http://schemas.openxmlformats.org/officeDocument/2006/customXml" ds:itemID="{C5CD5A01-6378-494D-B71B-D23DEC9A120C}">
  <ds:schemaRefs/>
</ds:datastoreItem>
</file>

<file path=customXml/itemProps31.xml><?xml version="1.0" encoding="utf-8"?>
<ds:datastoreItem xmlns:ds="http://schemas.openxmlformats.org/officeDocument/2006/customXml" ds:itemID="{3C302438-84D4-4410-883F-41F2AB7D30E2}">
  <ds:schemaRefs/>
</ds:datastoreItem>
</file>

<file path=customXml/itemProps32.xml><?xml version="1.0" encoding="utf-8"?>
<ds:datastoreItem xmlns:ds="http://schemas.openxmlformats.org/officeDocument/2006/customXml" ds:itemID="{B052E437-0E37-4BD0-B658-F410C70F086D}">
  <ds:schemaRefs/>
</ds:datastoreItem>
</file>

<file path=customXml/itemProps33.xml><?xml version="1.0" encoding="utf-8"?>
<ds:datastoreItem xmlns:ds="http://schemas.openxmlformats.org/officeDocument/2006/customXml" ds:itemID="{07A17BC2-F7BE-4BE1-89D3-E7D30BA7557F}">
  <ds:schemaRefs>
    <ds:schemaRef ds:uri="http://schemas.microsoft.com/sharepoint/v3/contenttype/forms"/>
  </ds:schemaRefs>
</ds:datastoreItem>
</file>

<file path=customXml/itemProps34.xml><?xml version="1.0" encoding="utf-8"?>
<ds:datastoreItem xmlns:ds="http://schemas.openxmlformats.org/officeDocument/2006/customXml" ds:itemID="{43723FED-A2E0-415E-8B28-139637BC092B}">
  <ds:schemaRefs/>
</ds:datastoreItem>
</file>

<file path=customXml/itemProps35.xml><?xml version="1.0" encoding="utf-8"?>
<ds:datastoreItem xmlns:ds="http://schemas.openxmlformats.org/officeDocument/2006/customXml" ds:itemID="{80A386E5-FB57-411F-ACEC-E4C4608EF981}">
  <ds:schemaRefs/>
</ds:datastoreItem>
</file>

<file path=customXml/itemProps4.xml><?xml version="1.0" encoding="utf-8"?>
<ds:datastoreItem xmlns:ds="http://schemas.openxmlformats.org/officeDocument/2006/customXml" ds:itemID="{8F36D3C8-5173-4306-861C-CC9CB4A0CF4B}">
  <ds:schemaRefs/>
</ds:datastoreItem>
</file>

<file path=customXml/itemProps5.xml><?xml version="1.0" encoding="utf-8"?>
<ds:datastoreItem xmlns:ds="http://schemas.openxmlformats.org/officeDocument/2006/customXml" ds:itemID="{563840C0-0BDF-4F63-86E4-16B670C857E2}">
  <ds:schemaRefs/>
</ds:datastoreItem>
</file>

<file path=customXml/itemProps6.xml><?xml version="1.0" encoding="utf-8"?>
<ds:datastoreItem xmlns:ds="http://schemas.openxmlformats.org/officeDocument/2006/customXml" ds:itemID="{80B8C55C-E564-418E-A10D-CDA99D5F3EE8}">
  <ds:schemaRefs/>
</ds:datastoreItem>
</file>

<file path=customXml/itemProps7.xml><?xml version="1.0" encoding="utf-8"?>
<ds:datastoreItem xmlns:ds="http://schemas.openxmlformats.org/officeDocument/2006/customXml" ds:itemID="{96F82321-C66B-4460-9FF5-B8C5431FB61C}">
  <ds:schemaRefs>
    <ds:schemaRef ds:uri="http://schemas.microsoft.com/office/2006/documentManagement/types"/>
    <ds:schemaRef ds:uri="http://schemas.microsoft.com/office/infopath/2007/PartnerControls"/>
    <ds:schemaRef ds:uri="http://schemas.microsoft.com/office/2006/metadata/properties"/>
    <ds:schemaRef ds:uri="http://www.w3.org/XML/1998/namespace"/>
    <ds:schemaRef ds:uri="http://purl.org/dc/elements/1.1/"/>
    <ds:schemaRef ds:uri="http://purl.org/dc/dcmitype/"/>
    <ds:schemaRef ds:uri="http://schemas.openxmlformats.org/package/2006/metadata/core-properties"/>
    <ds:schemaRef ds:uri="4ce034c3-338c-4a8f-9cae-7e5cca226d09"/>
    <ds:schemaRef ds:uri="aeea800b-334e-4cd1-b383-e92d1f3c867e"/>
    <ds:schemaRef ds:uri="http://purl.org/dc/terms/"/>
  </ds:schemaRefs>
</ds:datastoreItem>
</file>

<file path=customXml/itemProps8.xml><?xml version="1.0" encoding="utf-8"?>
<ds:datastoreItem xmlns:ds="http://schemas.openxmlformats.org/officeDocument/2006/customXml" ds:itemID="{A078B4FF-09BD-41CC-9B29-FE1B7D89E18C}">
  <ds:schemaRefs/>
</ds:datastoreItem>
</file>

<file path=customXml/itemProps9.xml><?xml version="1.0" encoding="utf-8"?>
<ds:datastoreItem xmlns:ds="http://schemas.openxmlformats.org/officeDocument/2006/customXml" ds:itemID="{220EA0D0-DB51-4BFA-9F4B-DA1208570F3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43</Words>
  <Application>Microsoft Office PowerPoint</Application>
  <PresentationFormat>Widescreen</PresentationFormat>
  <Paragraphs>93</Paragraphs>
  <Slides>7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7</vt:i4>
      </vt:variant>
    </vt:vector>
  </HeadingPairs>
  <TitlesOfParts>
    <vt:vector size="11" baseType="lpstr">
      <vt:lpstr>Arial</vt:lpstr>
      <vt:lpstr>Wingdings</vt:lpstr>
      <vt:lpstr>Blank</vt:lpstr>
      <vt:lpstr>1_Blank</vt:lpstr>
      <vt:lpstr>PowerPoint-præsentation</vt:lpstr>
      <vt:lpstr>Dagens program</vt:lpstr>
      <vt:lpstr>Hvilke uddannelser kan du møde i dag?</vt:lpstr>
      <vt:lpstr>Hvad skal/kan man spørge den/de studerende om?</vt:lpstr>
      <vt:lpstr>Virkeligt veloplagte værter…</vt:lpstr>
      <vt:lpstr>Forberedelsesark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9-12T07:59:53Z</dcterms:created>
  <dcterms:modified xsi:type="dcterms:W3CDTF">2025-10-21T06:40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6-24T09:19:29</vt:lpwstr>
  </property>
  <property fmtid="{D5CDD505-2E9C-101B-9397-08002B2CF9AE}" pid="3" name="ContentTypeId">
    <vt:lpwstr>0x0101009557565CA9A9D64499A1A6985B7BBDA1</vt:lpwstr>
  </property>
  <property fmtid="{D5CDD505-2E9C-101B-9397-08002B2CF9AE}" pid="4" name="MediaServiceImageTags">
    <vt:lpwstr/>
  </property>
  <property fmtid="{D5CDD505-2E9C-101B-9397-08002B2CF9AE}" pid="5" name="TemplafyTenantId">
    <vt:lpwstr>sdu</vt:lpwstr>
  </property>
  <property fmtid="{D5CDD505-2E9C-101B-9397-08002B2CF9AE}" pid="6" name="TemplafyTemplateId">
    <vt:lpwstr>637916577381580290</vt:lpwstr>
  </property>
  <property fmtid="{D5CDD505-2E9C-101B-9397-08002B2CF9AE}" pid="7" name="TemplafyUserProfileId">
    <vt:lpwstr>637837047970432653</vt:lpwstr>
  </property>
  <property fmtid="{D5CDD505-2E9C-101B-9397-08002B2CF9AE}" pid="8" name="TemplafyLanguageCode">
    <vt:lpwstr>da-DK</vt:lpwstr>
  </property>
  <property fmtid="{D5CDD505-2E9C-101B-9397-08002B2CF9AE}" pid="9" name="TemplafyFromBlank">
    <vt:bool>false</vt:bool>
  </property>
</Properties>
</file>